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4"/>
  </p:sldMasterIdLst>
  <p:notesMasterIdLst>
    <p:notesMasterId r:id="rId19"/>
  </p:notesMasterIdLst>
  <p:sldIdLst>
    <p:sldId id="298" r:id="rId5"/>
    <p:sldId id="335" r:id="rId6"/>
    <p:sldId id="339" r:id="rId7"/>
    <p:sldId id="338" r:id="rId8"/>
    <p:sldId id="336" r:id="rId9"/>
    <p:sldId id="305" r:id="rId10"/>
    <p:sldId id="340" r:id="rId11"/>
    <p:sldId id="299" r:id="rId12"/>
    <p:sldId id="341" r:id="rId13"/>
    <p:sldId id="302" r:id="rId14"/>
    <p:sldId id="342" r:id="rId15"/>
    <p:sldId id="316" r:id="rId16"/>
    <p:sldId id="259" r:id="rId17"/>
    <p:sldId id="295" r:id="rId18"/>
  </p:sldIdLst>
  <p:sldSz cx="24387175" cy="13716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5A8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735"/>
    <p:restoredTop sz="96327"/>
  </p:normalViewPr>
  <p:slideViewPr>
    <p:cSldViewPr snapToGrid="0">
      <p:cViewPr varScale="1">
        <p:scale>
          <a:sx n="62" d="100"/>
          <a:sy n="62" d="100"/>
        </p:scale>
        <p:origin x="240" y="3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9AF4F83-AEF5-4EC1-BC9E-8C9B3AA35557}" type="doc">
      <dgm:prSet loTypeId="urn:microsoft.com/office/officeart/2008/layout/AlternatingHexagons" loCatId="list" qsTypeId="urn:microsoft.com/office/officeart/2005/8/quickstyle/simple2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A6798DEE-9CAA-4842-AECC-44A432817C44}">
      <dgm:prSet/>
      <dgm:spPr/>
      <dgm:t>
        <a:bodyPr/>
        <a:lstStyle/>
        <a:p>
          <a:r>
            <a:rPr lang="en-KE"/>
            <a:t>Product Requirements</a:t>
          </a:r>
          <a:endParaRPr lang="en-US"/>
        </a:p>
      </dgm:t>
    </dgm:pt>
    <dgm:pt modelId="{73F38C69-D067-4DF4-A150-C9A0C2742817}" type="parTrans" cxnId="{D6EEBA18-AB74-4DD7-8305-8663B99E5727}">
      <dgm:prSet/>
      <dgm:spPr/>
      <dgm:t>
        <a:bodyPr/>
        <a:lstStyle/>
        <a:p>
          <a:endParaRPr lang="en-US"/>
        </a:p>
      </dgm:t>
    </dgm:pt>
    <dgm:pt modelId="{7875496D-B9F6-4A56-B344-9CF604260F3A}" type="sibTrans" cxnId="{D6EEBA18-AB74-4DD7-8305-8663B99E5727}">
      <dgm:prSet/>
      <dgm:spPr/>
      <dgm:t>
        <a:bodyPr/>
        <a:lstStyle/>
        <a:p>
          <a:endParaRPr lang="en-US"/>
        </a:p>
      </dgm:t>
    </dgm:pt>
    <dgm:pt modelId="{2CACC714-1BE5-4BC2-BCA4-ACFC07EEC721}">
      <dgm:prSet/>
      <dgm:spPr/>
      <dgm:t>
        <a:bodyPr/>
        <a:lstStyle/>
        <a:p>
          <a:r>
            <a:rPr lang="en-KE"/>
            <a:t>Candidate Workstreams</a:t>
          </a:r>
          <a:endParaRPr lang="en-US"/>
        </a:p>
      </dgm:t>
    </dgm:pt>
    <dgm:pt modelId="{46EAF071-72E2-4125-8454-8D7771E696A2}" type="parTrans" cxnId="{6C1B020F-FCFA-4260-878B-EA3A986996D6}">
      <dgm:prSet/>
      <dgm:spPr/>
      <dgm:t>
        <a:bodyPr/>
        <a:lstStyle/>
        <a:p>
          <a:endParaRPr lang="en-US"/>
        </a:p>
      </dgm:t>
    </dgm:pt>
    <dgm:pt modelId="{E6A2D93B-1273-4662-AFA6-4D4EC81DB854}" type="sibTrans" cxnId="{6C1B020F-FCFA-4260-878B-EA3A986996D6}">
      <dgm:prSet/>
      <dgm:spPr/>
      <dgm:t>
        <a:bodyPr/>
        <a:lstStyle/>
        <a:p>
          <a:endParaRPr lang="en-US"/>
        </a:p>
      </dgm:t>
    </dgm:pt>
    <dgm:pt modelId="{5A47BEF4-D0A6-4874-84DC-F5163CF13B0B}">
      <dgm:prSet/>
      <dgm:spPr/>
      <dgm:t>
        <a:bodyPr/>
        <a:lstStyle/>
        <a:p>
          <a:r>
            <a:rPr lang="en-GB" dirty="0"/>
            <a:t>Workstream Approval</a:t>
          </a:r>
          <a:endParaRPr lang="en-US" dirty="0"/>
        </a:p>
      </dgm:t>
    </dgm:pt>
    <dgm:pt modelId="{D75E2455-916F-4093-A9D5-63654281B548}" type="parTrans" cxnId="{EB40C107-42CE-4B54-8681-65D2EF820D5A}">
      <dgm:prSet/>
      <dgm:spPr/>
      <dgm:t>
        <a:bodyPr/>
        <a:lstStyle/>
        <a:p>
          <a:endParaRPr lang="en-US"/>
        </a:p>
      </dgm:t>
    </dgm:pt>
    <dgm:pt modelId="{1457232A-5CC8-491A-B180-B278915AF481}" type="sibTrans" cxnId="{EB40C107-42CE-4B54-8681-65D2EF820D5A}">
      <dgm:prSet/>
      <dgm:spPr/>
      <dgm:t>
        <a:bodyPr/>
        <a:lstStyle/>
        <a:p>
          <a:endParaRPr lang="en-US"/>
        </a:p>
      </dgm:t>
    </dgm:pt>
    <dgm:pt modelId="{53A10BF6-E24A-4C0B-8883-57AD88C733C4}">
      <dgm:prSet/>
      <dgm:spPr/>
      <dgm:t>
        <a:bodyPr/>
        <a:lstStyle/>
        <a:p>
          <a:r>
            <a:rPr lang="en-GB"/>
            <a:t>Roadmap Updates</a:t>
          </a:r>
          <a:endParaRPr lang="en-US"/>
        </a:p>
      </dgm:t>
    </dgm:pt>
    <dgm:pt modelId="{FA9F8EF4-1969-4227-A467-4C035837D3E0}" type="parTrans" cxnId="{9CE9BCCD-568A-4582-960F-1EB1C3B83D6D}">
      <dgm:prSet/>
      <dgm:spPr/>
      <dgm:t>
        <a:bodyPr/>
        <a:lstStyle/>
        <a:p>
          <a:endParaRPr lang="en-US"/>
        </a:p>
      </dgm:t>
    </dgm:pt>
    <dgm:pt modelId="{60C8641F-561F-418C-85B3-F251E721B31C}" type="sibTrans" cxnId="{9CE9BCCD-568A-4582-960F-1EB1C3B83D6D}">
      <dgm:prSet/>
      <dgm:spPr/>
      <dgm:t>
        <a:bodyPr/>
        <a:lstStyle/>
        <a:p>
          <a:endParaRPr lang="en-US"/>
        </a:p>
      </dgm:t>
    </dgm:pt>
    <dgm:pt modelId="{79CC2452-F328-AA4C-903C-2EC7C933555B}" type="pres">
      <dgm:prSet presAssocID="{99AF4F83-AEF5-4EC1-BC9E-8C9B3AA35557}" presName="Name0" presStyleCnt="0">
        <dgm:presLayoutVars>
          <dgm:chMax/>
          <dgm:chPref/>
          <dgm:dir/>
          <dgm:animLvl val="lvl"/>
        </dgm:presLayoutVars>
      </dgm:prSet>
      <dgm:spPr/>
    </dgm:pt>
    <dgm:pt modelId="{08ADEA62-0936-844A-807D-4092BC45BAE7}" type="pres">
      <dgm:prSet presAssocID="{A6798DEE-9CAA-4842-AECC-44A432817C44}" presName="composite" presStyleCnt="0"/>
      <dgm:spPr/>
    </dgm:pt>
    <dgm:pt modelId="{1F093A75-84B2-B442-9A01-9DB91CDBD92C}" type="pres">
      <dgm:prSet presAssocID="{A6798DEE-9CAA-4842-AECC-44A432817C44}" presName="Parent1" presStyleLbl="node1" presStyleIdx="0" presStyleCnt="8">
        <dgm:presLayoutVars>
          <dgm:chMax val="1"/>
          <dgm:chPref val="1"/>
          <dgm:bulletEnabled val="1"/>
        </dgm:presLayoutVars>
      </dgm:prSet>
      <dgm:spPr/>
    </dgm:pt>
    <dgm:pt modelId="{CFA1D596-060F-2449-BD3B-AE149F043640}" type="pres">
      <dgm:prSet presAssocID="{A6798DEE-9CAA-4842-AECC-44A432817C44}" presName="Childtext1" presStyleLbl="revTx" presStyleIdx="0" presStyleCnt="4">
        <dgm:presLayoutVars>
          <dgm:chMax val="0"/>
          <dgm:chPref val="0"/>
          <dgm:bulletEnabled val="1"/>
        </dgm:presLayoutVars>
      </dgm:prSet>
      <dgm:spPr/>
    </dgm:pt>
    <dgm:pt modelId="{48F7EE21-682D-B849-A2C4-3E30E3B61C73}" type="pres">
      <dgm:prSet presAssocID="{A6798DEE-9CAA-4842-AECC-44A432817C44}" presName="BalanceSpacing" presStyleCnt="0"/>
      <dgm:spPr/>
    </dgm:pt>
    <dgm:pt modelId="{266DE3CE-8434-6445-88B9-EFDD65FFF3FE}" type="pres">
      <dgm:prSet presAssocID="{A6798DEE-9CAA-4842-AECC-44A432817C44}" presName="BalanceSpacing1" presStyleCnt="0"/>
      <dgm:spPr/>
    </dgm:pt>
    <dgm:pt modelId="{56B65E2C-11D2-854A-8ACC-778C1E8006CA}" type="pres">
      <dgm:prSet presAssocID="{7875496D-B9F6-4A56-B344-9CF604260F3A}" presName="Accent1Text" presStyleLbl="node1" presStyleIdx="1" presStyleCnt="8"/>
      <dgm:spPr/>
    </dgm:pt>
    <dgm:pt modelId="{F6F0CE66-B428-2440-ADCF-CD1DD5FA236B}" type="pres">
      <dgm:prSet presAssocID="{7875496D-B9F6-4A56-B344-9CF604260F3A}" presName="spaceBetweenRectangles" presStyleCnt="0"/>
      <dgm:spPr/>
    </dgm:pt>
    <dgm:pt modelId="{46192B92-335E-F346-B3C3-DA7764FA382D}" type="pres">
      <dgm:prSet presAssocID="{2CACC714-1BE5-4BC2-BCA4-ACFC07EEC721}" presName="composite" presStyleCnt="0"/>
      <dgm:spPr/>
    </dgm:pt>
    <dgm:pt modelId="{A87E4AD5-22F3-8E4F-BC59-F0B8DED39DC3}" type="pres">
      <dgm:prSet presAssocID="{2CACC714-1BE5-4BC2-BCA4-ACFC07EEC721}" presName="Parent1" presStyleLbl="node1" presStyleIdx="2" presStyleCnt="8">
        <dgm:presLayoutVars>
          <dgm:chMax val="1"/>
          <dgm:chPref val="1"/>
          <dgm:bulletEnabled val="1"/>
        </dgm:presLayoutVars>
      </dgm:prSet>
      <dgm:spPr/>
    </dgm:pt>
    <dgm:pt modelId="{8B555A6D-A737-AA43-8AD3-DE87F6A399A3}" type="pres">
      <dgm:prSet presAssocID="{2CACC714-1BE5-4BC2-BCA4-ACFC07EEC721}" presName="Childtext1" presStyleLbl="revTx" presStyleIdx="1" presStyleCnt="4">
        <dgm:presLayoutVars>
          <dgm:chMax val="0"/>
          <dgm:chPref val="0"/>
          <dgm:bulletEnabled val="1"/>
        </dgm:presLayoutVars>
      </dgm:prSet>
      <dgm:spPr/>
    </dgm:pt>
    <dgm:pt modelId="{2B4A2974-D882-AD46-BDFA-7E38478CBC84}" type="pres">
      <dgm:prSet presAssocID="{2CACC714-1BE5-4BC2-BCA4-ACFC07EEC721}" presName="BalanceSpacing" presStyleCnt="0"/>
      <dgm:spPr/>
    </dgm:pt>
    <dgm:pt modelId="{6A63C70B-7736-5443-81A1-BC49F7E22082}" type="pres">
      <dgm:prSet presAssocID="{2CACC714-1BE5-4BC2-BCA4-ACFC07EEC721}" presName="BalanceSpacing1" presStyleCnt="0"/>
      <dgm:spPr/>
    </dgm:pt>
    <dgm:pt modelId="{0EAA4858-CDED-BF42-B033-686E22D75536}" type="pres">
      <dgm:prSet presAssocID="{E6A2D93B-1273-4662-AFA6-4D4EC81DB854}" presName="Accent1Text" presStyleLbl="node1" presStyleIdx="3" presStyleCnt="8"/>
      <dgm:spPr/>
    </dgm:pt>
    <dgm:pt modelId="{F959CC90-7E3E-1049-992A-D1C9DC2D78B2}" type="pres">
      <dgm:prSet presAssocID="{E6A2D93B-1273-4662-AFA6-4D4EC81DB854}" presName="spaceBetweenRectangles" presStyleCnt="0"/>
      <dgm:spPr/>
    </dgm:pt>
    <dgm:pt modelId="{8F6B6C84-A09A-9E41-9DB8-93F5453790B1}" type="pres">
      <dgm:prSet presAssocID="{5A47BEF4-D0A6-4874-84DC-F5163CF13B0B}" presName="composite" presStyleCnt="0"/>
      <dgm:spPr/>
    </dgm:pt>
    <dgm:pt modelId="{E4EA6681-1B5B-4F44-ABDF-69599072DD69}" type="pres">
      <dgm:prSet presAssocID="{5A47BEF4-D0A6-4874-84DC-F5163CF13B0B}" presName="Parent1" presStyleLbl="node1" presStyleIdx="4" presStyleCnt="8">
        <dgm:presLayoutVars>
          <dgm:chMax val="1"/>
          <dgm:chPref val="1"/>
          <dgm:bulletEnabled val="1"/>
        </dgm:presLayoutVars>
      </dgm:prSet>
      <dgm:spPr/>
    </dgm:pt>
    <dgm:pt modelId="{8034F196-5B27-704C-AAF4-3374EF249589}" type="pres">
      <dgm:prSet presAssocID="{5A47BEF4-D0A6-4874-84DC-F5163CF13B0B}" presName="Childtext1" presStyleLbl="revTx" presStyleIdx="2" presStyleCnt="4">
        <dgm:presLayoutVars>
          <dgm:chMax val="0"/>
          <dgm:chPref val="0"/>
          <dgm:bulletEnabled val="1"/>
        </dgm:presLayoutVars>
      </dgm:prSet>
      <dgm:spPr/>
    </dgm:pt>
    <dgm:pt modelId="{4803C6D1-C240-B142-BDB1-AFABFF679B94}" type="pres">
      <dgm:prSet presAssocID="{5A47BEF4-D0A6-4874-84DC-F5163CF13B0B}" presName="BalanceSpacing" presStyleCnt="0"/>
      <dgm:spPr/>
    </dgm:pt>
    <dgm:pt modelId="{783E0555-F110-A24C-977F-B0F83F062EBF}" type="pres">
      <dgm:prSet presAssocID="{5A47BEF4-D0A6-4874-84DC-F5163CF13B0B}" presName="BalanceSpacing1" presStyleCnt="0"/>
      <dgm:spPr/>
    </dgm:pt>
    <dgm:pt modelId="{61D0DF6B-DA9D-1144-850B-C560E93DDD22}" type="pres">
      <dgm:prSet presAssocID="{1457232A-5CC8-491A-B180-B278915AF481}" presName="Accent1Text" presStyleLbl="node1" presStyleIdx="5" presStyleCnt="8"/>
      <dgm:spPr/>
    </dgm:pt>
    <dgm:pt modelId="{6930B1DA-B99E-794A-A05A-56AEB7E41E8D}" type="pres">
      <dgm:prSet presAssocID="{1457232A-5CC8-491A-B180-B278915AF481}" presName="spaceBetweenRectangles" presStyleCnt="0"/>
      <dgm:spPr/>
    </dgm:pt>
    <dgm:pt modelId="{FD475A2C-F91F-F347-950C-143BBD1E1C23}" type="pres">
      <dgm:prSet presAssocID="{53A10BF6-E24A-4C0B-8883-57AD88C733C4}" presName="composite" presStyleCnt="0"/>
      <dgm:spPr/>
    </dgm:pt>
    <dgm:pt modelId="{451F9524-CAB7-6345-BEBF-46E86D473AC0}" type="pres">
      <dgm:prSet presAssocID="{53A10BF6-E24A-4C0B-8883-57AD88C733C4}" presName="Parent1" presStyleLbl="node1" presStyleIdx="6" presStyleCnt="8">
        <dgm:presLayoutVars>
          <dgm:chMax val="1"/>
          <dgm:chPref val="1"/>
          <dgm:bulletEnabled val="1"/>
        </dgm:presLayoutVars>
      </dgm:prSet>
      <dgm:spPr/>
    </dgm:pt>
    <dgm:pt modelId="{68E2245B-819D-B344-83BF-53FFE48C01FF}" type="pres">
      <dgm:prSet presAssocID="{53A10BF6-E24A-4C0B-8883-57AD88C733C4}" presName="Childtext1" presStyleLbl="revTx" presStyleIdx="3" presStyleCnt="4">
        <dgm:presLayoutVars>
          <dgm:chMax val="0"/>
          <dgm:chPref val="0"/>
          <dgm:bulletEnabled val="1"/>
        </dgm:presLayoutVars>
      </dgm:prSet>
      <dgm:spPr/>
    </dgm:pt>
    <dgm:pt modelId="{A773FD69-4BEF-5E4A-A1C8-DCE3280D7BE2}" type="pres">
      <dgm:prSet presAssocID="{53A10BF6-E24A-4C0B-8883-57AD88C733C4}" presName="BalanceSpacing" presStyleCnt="0"/>
      <dgm:spPr/>
    </dgm:pt>
    <dgm:pt modelId="{D509D6F3-3A36-164D-93BB-E78ADB8874CE}" type="pres">
      <dgm:prSet presAssocID="{53A10BF6-E24A-4C0B-8883-57AD88C733C4}" presName="BalanceSpacing1" presStyleCnt="0"/>
      <dgm:spPr/>
    </dgm:pt>
    <dgm:pt modelId="{BD2B1D16-8CBB-E541-A1D4-5871FD70D6F5}" type="pres">
      <dgm:prSet presAssocID="{60C8641F-561F-418C-85B3-F251E721B31C}" presName="Accent1Text" presStyleLbl="node1" presStyleIdx="7" presStyleCnt="8"/>
      <dgm:spPr/>
    </dgm:pt>
  </dgm:ptLst>
  <dgm:cxnLst>
    <dgm:cxn modelId="{EB40C107-42CE-4B54-8681-65D2EF820D5A}" srcId="{99AF4F83-AEF5-4EC1-BC9E-8C9B3AA35557}" destId="{5A47BEF4-D0A6-4874-84DC-F5163CF13B0B}" srcOrd="2" destOrd="0" parTransId="{D75E2455-916F-4093-A9D5-63654281B548}" sibTransId="{1457232A-5CC8-491A-B180-B278915AF481}"/>
    <dgm:cxn modelId="{6C1B020F-FCFA-4260-878B-EA3A986996D6}" srcId="{99AF4F83-AEF5-4EC1-BC9E-8C9B3AA35557}" destId="{2CACC714-1BE5-4BC2-BCA4-ACFC07EEC721}" srcOrd="1" destOrd="0" parTransId="{46EAF071-72E2-4125-8454-8D7771E696A2}" sibTransId="{E6A2D93B-1273-4662-AFA6-4D4EC81DB854}"/>
    <dgm:cxn modelId="{D6EEBA18-AB74-4DD7-8305-8663B99E5727}" srcId="{99AF4F83-AEF5-4EC1-BC9E-8C9B3AA35557}" destId="{A6798DEE-9CAA-4842-AECC-44A432817C44}" srcOrd="0" destOrd="0" parTransId="{73F38C69-D067-4DF4-A150-C9A0C2742817}" sibTransId="{7875496D-B9F6-4A56-B344-9CF604260F3A}"/>
    <dgm:cxn modelId="{F6540C28-E30A-3B4E-8A0F-1EA6CCBBD39F}" type="presOf" srcId="{53A10BF6-E24A-4C0B-8883-57AD88C733C4}" destId="{451F9524-CAB7-6345-BEBF-46E86D473AC0}" srcOrd="0" destOrd="0" presId="urn:microsoft.com/office/officeart/2008/layout/AlternatingHexagons"/>
    <dgm:cxn modelId="{BAADE430-3215-884E-9956-7ECA0AF67872}" type="presOf" srcId="{5A47BEF4-D0A6-4874-84DC-F5163CF13B0B}" destId="{E4EA6681-1B5B-4F44-ABDF-69599072DD69}" srcOrd="0" destOrd="0" presId="urn:microsoft.com/office/officeart/2008/layout/AlternatingHexagons"/>
    <dgm:cxn modelId="{16E77839-0A83-8B40-AAB8-ABD81D15406A}" type="presOf" srcId="{2CACC714-1BE5-4BC2-BCA4-ACFC07EEC721}" destId="{A87E4AD5-22F3-8E4F-BC59-F0B8DED39DC3}" srcOrd="0" destOrd="0" presId="urn:microsoft.com/office/officeart/2008/layout/AlternatingHexagons"/>
    <dgm:cxn modelId="{146C1F53-786B-BC4E-A617-EF1EC9502CDC}" type="presOf" srcId="{E6A2D93B-1273-4662-AFA6-4D4EC81DB854}" destId="{0EAA4858-CDED-BF42-B033-686E22D75536}" srcOrd="0" destOrd="0" presId="urn:microsoft.com/office/officeart/2008/layout/AlternatingHexagons"/>
    <dgm:cxn modelId="{64242057-4416-D749-9704-CB19B40DC0D3}" type="presOf" srcId="{A6798DEE-9CAA-4842-AECC-44A432817C44}" destId="{1F093A75-84B2-B442-9A01-9DB91CDBD92C}" srcOrd="0" destOrd="0" presId="urn:microsoft.com/office/officeart/2008/layout/AlternatingHexagons"/>
    <dgm:cxn modelId="{96DDD169-D2C6-5249-A05D-FEBE3FBBC134}" type="presOf" srcId="{7875496D-B9F6-4A56-B344-9CF604260F3A}" destId="{56B65E2C-11D2-854A-8ACC-778C1E8006CA}" srcOrd="0" destOrd="0" presId="urn:microsoft.com/office/officeart/2008/layout/AlternatingHexagons"/>
    <dgm:cxn modelId="{90A23295-CB9C-0B4A-A451-FC879BAD04E2}" type="presOf" srcId="{1457232A-5CC8-491A-B180-B278915AF481}" destId="{61D0DF6B-DA9D-1144-850B-C560E93DDD22}" srcOrd="0" destOrd="0" presId="urn:microsoft.com/office/officeart/2008/layout/AlternatingHexagons"/>
    <dgm:cxn modelId="{1A3438AD-EED8-EF40-BA7D-C5D8D26D878A}" type="presOf" srcId="{99AF4F83-AEF5-4EC1-BC9E-8C9B3AA35557}" destId="{79CC2452-F328-AA4C-903C-2EC7C933555B}" srcOrd="0" destOrd="0" presId="urn:microsoft.com/office/officeart/2008/layout/AlternatingHexagons"/>
    <dgm:cxn modelId="{C3BDA0C2-07AD-964B-991F-9108D28FE6CB}" type="presOf" srcId="{60C8641F-561F-418C-85B3-F251E721B31C}" destId="{BD2B1D16-8CBB-E541-A1D4-5871FD70D6F5}" srcOrd="0" destOrd="0" presId="urn:microsoft.com/office/officeart/2008/layout/AlternatingHexagons"/>
    <dgm:cxn modelId="{9CE9BCCD-568A-4582-960F-1EB1C3B83D6D}" srcId="{99AF4F83-AEF5-4EC1-BC9E-8C9B3AA35557}" destId="{53A10BF6-E24A-4C0B-8883-57AD88C733C4}" srcOrd="3" destOrd="0" parTransId="{FA9F8EF4-1969-4227-A467-4C035837D3E0}" sibTransId="{60C8641F-561F-418C-85B3-F251E721B31C}"/>
    <dgm:cxn modelId="{E3CD9CCA-15B7-C149-B3B0-4BA6BF965947}" type="presParOf" srcId="{79CC2452-F328-AA4C-903C-2EC7C933555B}" destId="{08ADEA62-0936-844A-807D-4092BC45BAE7}" srcOrd="0" destOrd="0" presId="urn:microsoft.com/office/officeart/2008/layout/AlternatingHexagons"/>
    <dgm:cxn modelId="{AFB4C6E9-F716-C342-9E55-D95BAC0C5AA8}" type="presParOf" srcId="{08ADEA62-0936-844A-807D-4092BC45BAE7}" destId="{1F093A75-84B2-B442-9A01-9DB91CDBD92C}" srcOrd="0" destOrd="0" presId="urn:microsoft.com/office/officeart/2008/layout/AlternatingHexagons"/>
    <dgm:cxn modelId="{EEA31209-39AE-6046-9535-DFE30F8CCFF0}" type="presParOf" srcId="{08ADEA62-0936-844A-807D-4092BC45BAE7}" destId="{CFA1D596-060F-2449-BD3B-AE149F043640}" srcOrd="1" destOrd="0" presId="urn:microsoft.com/office/officeart/2008/layout/AlternatingHexagons"/>
    <dgm:cxn modelId="{29873C0B-5F90-FE48-ADCD-ED04783049ED}" type="presParOf" srcId="{08ADEA62-0936-844A-807D-4092BC45BAE7}" destId="{48F7EE21-682D-B849-A2C4-3E30E3B61C73}" srcOrd="2" destOrd="0" presId="urn:microsoft.com/office/officeart/2008/layout/AlternatingHexagons"/>
    <dgm:cxn modelId="{34EED11D-59DF-974E-8CFF-D8EAD39E7805}" type="presParOf" srcId="{08ADEA62-0936-844A-807D-4092BC45BAE7}" destId="{266DE3CE-8434-6445-88B9-EFDD65FFF3FE}" srcOrd="3" destOrd="0" presId="urn:microsoft.com/office/officeart/2008/layout/AlternatingHexagons"/>
    <dgm:cxn modelId="{00BA1B39-3F23-314A-B62B-6CCA16A4C0B8}" type="presParOf" srcId="{08ADEA62-0936-844A-807D-4092BC45BAE7}" destId="{56B65E2C-11D2-854A-8ACC-778C1E8006CA}" srcOrd="4" destOrd="0" presId="urn:microsoft.com/office/officeart/2008/layout/AlternatingHexagons"/>
    <dgm:cxn modelId="{71DB48EC-0B7E-AE45-ABD1-70310431012D}" type="presParOf" srcId="{79CC2452-F328-AA4C-903C-2EC7C933555B}" destId="{F6F0CE66-B428-2440-ADCF-CD1DD5FA236B}" srcOrd="1" destOrd="0" presId="urn:microsoft.com/office/officeart/2008/layout/AlternatingHexagons"/>
    <dgm:cxn modelId="{753C5FC7-A7F6-1048-B4B1-0C50BB3994EC}" type="presParOf" srcId="{79CC2452-F328-AA4C-903C-2EC7C933555B}" destId="{46192B92-335E-F346-B3C3-DA7764FA382D}" srcOrd="2" destOrd="0" presId="urn:microsoft.com/office/officeart/2008/layout/AlternatingHexagons"/>
    <dgm:cxn modelId="{0DB134F7-6C69-DD48-86B9-DB5F40D30D59}" type="presParOf" srcId="{46192B92-335E-F346-B3C3-DA7764FA382D}" destId="{A87E4AD5-22F3-8E4F-BC59-F0B8DED39DC3}" srcOrd="0" destOrd="0" presId="urn:microsoft.com/office/officeart/2008/layout/AlternatingHexagons"/>
    <dgm:cxn modelId="{30D05BC4-141A-BD40-A9EF-7D45971717C2}" type="presParOf" srcId="{46192B92-335E-F346-B3C3-DA7764FA382D}" destId="{8B555A6D-A737-AA43-8AD3-DE87F6A399A3}" srcOrd="1" destOrd="0" presId="urn:microsoft.com/office/officeart/2008/layout/AlternatingHexagons"/>
    <dgm:cxn modelId="{4D4FB9E6-80BF-F141-9B33-821EA383FE63}" type="presParOf" srcId="{46192B92-335E-F346-B3C3-DA7764FA382D}" destId="{2B4A2974-D882-AD46-BDFA-7E38478CBC84}" srcOrd="2" destOrd="0" presId="urn:microsoft.com/office/officeart/2008/layout/AlternatingHexagons"/>
    <dgm:cxn modelId="{927736D3-B61E-C641-933F-4A21F933104E}" type="presParOf" srcId="{46192B92-335E-F346-B3C3-DA7764FA382D}" destId="{6A63C70B-7736-5443-81A1-BC49F7E22082}" srcOrd="3" destOrd="0" presId="urn:microsoft.com/office/officeart/2008/layout/AlternatingHexagons"/>
    <dgm:cxn modelId="{AF844708-E736-794A-A762-4112DC1BB3B8}" type="presParOf" srcId="{46192B92-335E-F346-B3C3-DA7764FA382D}" destId="{0EAA4858-CDED-BF42-B033-686E22D75536}" srcOrd="4" destOrd="0" presId="urn:microsoft.com/office/officeart/2008/layout/AlternatingHexagons"/>
    <dgm:cxn modelId="{E5CE31E4-4904-4144-8593-5D920700856F}" type="presParOf" srcId="{79CC2452-F328-AA4C-903C-2EC7C933555B}" destId="{F959CC90-7E3E-1049-992A-D1C9DC2D78B2}" srcOrd="3" destOrd="0" presId="urn:microsoft.com/office/officeart/2008/layout/AlternatingHexagons"/>
    <dgm:cxn modelId="{990A551A-0E03-0B42-8516-14C39C617BFC}" type="presParOf" srcId="{79CC2452-F328-AA4C-903C-2EC7C933555B}" destId="{8F6B6C84-A09A-9E41-9DB8-93F5453790B1}" srcOrd="4" destOrd="0" presId="urn:microsoft.com/office/officeart/2008/layout/AlternatingHexagons"/>
    <dgm:cxn modelId="{2229BAE7-17F9-E14C-B244-DB7231CB16FE}" type="presParOf" srcId="{8F6B6C84-A09A-9E41-9DB8-93F5453790B1}" destId="{E4EA6681-1B5B-4F44-ABDF-69599072DD69}" srcOrd="0" destOrd="0" presId="urn:microsoft.com/office/officeart/2008/layout/AlternatingHexagons"/>
    <dgm:cxn modelId="{4170AF41-7F5B-8841-9336-A716C1D40E90}" type="presParOf" srcId="{8F6B6C84-A09A-9E41-9DB8-93F5453790B1}" destId="{8034F196-5B27-704C-AAF4-3374EF249589}" srcOrd="1" destOrd="0" presId="urn:microsoft.com/office/officeart/2008/layout/AlternatingHexagons"/>
    <dgm:cxn modelId="{FCDE5A4C-278F-AB4D-A496-A3960C623C8A}" type="presParOf" srcId="{8F6B6C84-A09A-9E41-9DB8-93F5453790B1}" destId="{4803C6D1-C240-B142-BDB1-AFABFF679B94}" srcOrd="2" destOrd="0" presId="urn:microsoft.com/office/officeart/2008/layout/AlternatingHexagons"/>
    <dgm:cxn modelId="{00777DCD-39B0-CC4A-8A82-8A484538A545}" type="presParOf" srcId="{8F6B6C84-A09A-9E41-9DB8-93F5453790B1}" destId="{783E0555-F110-A24C-977F-B0F83F062EBF}" srcOrd="3" destOrd="0" presId="urn:microsoft.com/office/officeart/2008/layout/AlternatingHexagons"/>
    <dgm:cxn modelId="{A13D23EB-DA60-494F-A30B-89F5B8ECAC49}" type="presParOf" srcId="{8F6B6C84-A09A-9E41-9DB8-93F5453790B1}" destId="{61D0DF6B-DA9D-1144-850B-C560E93DDD22}" srcOrd="4" destOrd="0" presId="urn:microsoft.com/office/officeart/2008/layout/AlternatingHexagons"/>
    <dgm:cxn modelId="{E852C395-7494-8A42-8AA3-8AC8E7098EB5}" type="presParOf" srcId="{79CC2452-F328-AA4C-903C-2EC7C933555B}" destId="{6930B1DA-B99E-794A-A05A-56AEB7E41E8D}" srcOrd="5" destOrd="0" presId="urn:microsoft.com/office/officeart/2008/layout/AlternatingHexagons"/>
    <dgm:cxn modelId="{209A4C1F-97F9-FB44-8D4C-7B2D30AA0E3A}" type="presParOf" srcId="{79CC2452-F328-AA4C-903C-2EC7C933555B}" destId="{FD475A2C-F91F-F347-950C-143BBD1E1C23}" srcOrd="6" destOrd="0" presId="urn:microsoft.com/office/officeart/2008/layout/AlternatingHexagons"/>
    <dgm:cxn modelId="{8F38992F-8B89-DB41-8E71-AFE61D4DDC1B}" type="presParOf" srcId="{FD475A2C-F91F-F347-950C-143BBD1E1C23}" destId="{451F9524-CAB7-6345-BEBF-46E86D473AC0}" srcOrd="0" destOrd="0" presId="urn:microsoft.com/office/officeart/2008/layout/AlternatingHexagons"/>
    <dgm:cxn modelId="{37D1A04B-044E-824C-B44D-1DE5E2F840FC}" type="presParOf" srcId="{FD475A2C-F91F-F347-950C-143BBD1E1C23}" destId="{68E2245B-819D-B344-83BF-53FFE48C01FF}" srcOrd="1" destOrd="0" presId="urn:microsoft.com/office/officeart/2008/layout/AlternatingHexagons"/>
    <dgm:cxn modelId="{B3F47CCB-2E0A-9D40-8391-5CFA5480FA47}" type="presParOf" srcId="{FD475A2C-F91F-F347-950C-143BBD1E1C23}" destId="{A773FD69-4BEF-5E4A-A1C8-DCE3280D7BE2}" srcOrd="2" destOrd="0" presId="urn:microsoft.com/office/officeart/2008/layout/AlternatingHexagons"/>
    <dgm:cxn modelId="{FF1DAF93-88B1-4944-AA4B-DCFEF67DF16A}" type="presParOf" srcId="{FD475A2C-F91F-F347-950C-143BBD1E1C23}" destId="{D509D6F3-3A36-164D-93BB-E78ADB8874CE}" srcOrd="3" destOrd="0" presId="urn:microsoft.com/office/officeart/2008/layout/AlternatingHexagons"/>
    <dgm:cxn modelId="{7B1DD154-2D0D-324A-A21E-22361930B9D9}" type="presParOf" srcId="{FD475A2C-F91F-F347-950C-143BBD1E1C23}" destId="{BD2B1D16-8CBB-E541-A1D4-5871FD70D6F5}" srcOrd="4" destOrd="0" presId="urn:microsoft.com/office/officeart/2008/layout/AlternatingHexagon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F093A75-84B2-B442-9A01-9DB91CDBD92C}">
      <dsp:nvSpPr>
        <dsp:cNvPr id="0" name=""/>
        <dsp:cNvSpPr/>
      </dsp:nvSpPr>
      <dsp:spPr>
        <a:xfrm rot="5400000">
          <a:off x="4631166" y="180412"/>
          <a:ext cx="2723762" cy="2369673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KE" sz="1800" kern="1200"/>
            <a:t>Product Requirements</a:t>
          </a:r>
          <a:endParaRPr lang="en-US" sz="1800" kern="1200"/>
        </a:p>
      </dsp:txBody>
      <dsp:txXfrm rot="-5400000">
        <a:off x="5177484" y="427821"/>
        <a:ext cx="1631125" cy="1874856"/>
      </dsp:txXfrm>
    </dsp:sp>
    <dsp:sp modelId="{CFA1D596-060F-2449-BD3B-AE149F043640}">
      <dsp:nvSpPr>
        <dsp:cNvPr id="0" name=""/>
        <dsp:cNvSpPr/>
      </dsp:nvSpPr>
      <dsp:spPr>
        <a:xfrm>
          <a:off x="7249791" y="548120"/>
          <a:ext cx="3039719" cy="163425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6B65E2C-11D2-854A-8ACC-778C1E8006CA}">
      <dsp:nvSpPr>
        <dsp:cNvPr id="0" name=""/>
        <dsp:cNvSpPr/>
      </dsp:nvSpPr>
      <dsp:spPr>
        <a:xfrm rot="5400000">
          <a:off x="2071918" y="180412"/>
          <a:ext cx="2723762" cy="2369673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600" kern="1200"/>
        </a:p>
      </dsp:txBody>
      <dsp:txXfrm rot="-5400000">
        <a:off x="2618236" y="427821"/>
        <a:ext cx="1631125" cy="1874856"/>
      </dsp:txXfrm>
    </dsp:sp>
    <dsp:sp modelId="{A87E4AD5-22F3-8E4F-BC59-F0B8DED39DC3}">
      <dsp:nvSpPr>
        <dsp:cNvPr id="0" name=""/>
        <dsp:cNvSpPr/>
      </dsp:nvSpPr>
      <dsp:spPr>
        <a:xfrm rot="5400000">
          <a:off x="3346639" y="2492342"/>
          <a:ext cx="2723762" cy="2369673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KE" sz="1800" kern="1200"/>
            <a:t>Candidate Workstreams</a:t>
          </a:r>
          <a:endParaRPr lang="en-US" sz="1800" kern="1200"/>
        </a:p>
      </dsp:txBody>
      <dsp:txXfrm rot="-5400000">
        <a:off x="3892957" y="2739751"/>
        <a:ext cx="1631125" cy="1874856"/>
      </dsp:txXfrm>
    </dsp:sp>
    <dsp:sp modelId="{8B555A6D-A737-AA43-8AD3-DE87F6A399A3}">
      <dsp:nvSpPr>
        <dsp:cNvPr id="0" name=""/>
        <dsp:cNvSpPr/>
      </dsp:nvSpPr>
      <dsp:spPr>
        <a:xfrm>
          <a:off x="483964" y="2860050"/>
          <a:ext cx="2941663" cy="163425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EAA4858-CDED-BF42-B033-686E22D75536}">
      <dsp:nvSpPr>
        <dsp:cNvPr id="0" name=""/>
        <dsp:cNvSpPr/>
      </dsp:nvSpPr>
      <dsp:spPr>
        <a:xfrm rot="5400000">
          <a:off x="5905887" y="2492342"/>
          <a:ext cx="2723762" cy="2369673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600" kern="1200"/>
        </a:p>
      </dsp:txBody>
      <dsp:txXfrm rot="-5400000">
        <a:off x="6452205" y="2739751"/>
        <a:ext cx="1631125" cy="1874856"/>
      </dsp:txXfrm>
    </dsp:sp>
    <dsp:sp modelId="{E4EA6681-1B5B-4F44-ABDF-69599072DD69}">
      <dsp:nvSpPr>
        <dsp:cNvPr id="0" name=""/>
        <dsp:cNvSpPr/>
      </dsp:nvSpPr>
      <dsp:spPr>
        <a:xfrm rot="5400000">
          <a:off x="4631166" y="4804272"/>
          <a:ext cx="2723762" cy="2369673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800" kern="1200" dirty="0"/>
            <a:t>Workstream Approval</a:t>
          </a:r>
          <a:endParaRPr lang="en-US" sz="1800" kern="1200" dirty="0"/>
        </a:p>
      </dsp:txBody>
      <dsp:txXfrm rot="-5400000">
        <a:off x="5177484" y="5051681"/>
        <a:ext cx="1631125" cy="1874856"/>
      </dsp:txXfrm>
    </dsp:sp>
    <dsp:sp modelId="{8034F196-5B27-704C-AAF4-3374EF249589}">
      <dsp:nvSpPr>
        <dsp:cNvPr id="0" name=""/>
        <dsp:cNvSpPr/>
      </dsp:nvSpPr>
      <dsp:spPr>
        <a:xfrm>
          <a:off x="7249791" y="5171980"/>
          <a:ext cx="3039719" cy="163425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1D0DF6B-DA9D-1144-850B-C560E93DDD22}">
      <dsp:nvSpPr>
        <dsp:cNvPr id="0" name=""/>
        <dsp:cNvSpPr/>
      </dsp:nvSpPr>
      <dsp:spPr>
        <a:xfrm rot="5400000">
          <a:off x="2071918" y="4804272"/>
          <a:ext cx="2723762" cy="2369673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600" kern="1200"/>
        </a:p>
      </dsp:txBody>
      <dsp:txXfrm rot="-5400000">
        <a:off x="2618236" y="5051681"/>
        <a:ext cx="1631125" cy="1874856"/>
      </dsp:txXfrm>
    </dsp:sp>
    <dsp:sp modelId="{451F9524-CAB7-6345-BEBF-46E86D473AC0}">
      <dsp:nvSpPr>
        <dsp:cNvPr id="0" name=""/>
        <dsp:cNvSpPr/>
      </dsp:nvSpPr>
      <dsp:spPr>
        <a:xfrm rot="5400000">
          <a:off x="3346639" y="7116202"/>
          <a:ext cx="2723762" cy="2369673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800" kern="1200"/>
            <a:t>Roadmap Updates</a:t>
          </a:r>
          <a:endParaRPr lang="en-US" sz="1800" kern="1200"/>
        </a:p>
      </dsp:txBody>
      <dsp:txXfrm rot="-5400000">
        <a:off x="3892957" y="7363611"/>
        <a:ext cx="1631125" cy="1874856"/>
      </dsp:txXfrm>
    </dsp:sp>
    <dsp:sp modelId="{68E2245B-819D-B344-83BF-53FFE48C01FF}">
      <dsp:nvSpPr>
        <dsp:cNvPr id="0" name=""/>
        <dsp:cNvSpPr/>
      </dsp:nvSpPr>
      <dsp:spPr>
        <a:xfrm>
          <a:off x="483964" y="7483910"/>
          <a:ext cx="2941663" cy="163425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D2B1D16-8CBB-E541-A1D4-5871FD70D6F5}">
      <dsp:nvSpPr>
        <dsp:cNvPr id="0" name=""/>
        <dsp:cNvSpPr/>
      </dsp:nvSpPr>
      <dsp:spPr>
        <a:xfrm rot="5400000">
          <a:off x="5905887" y="7116202"/>
          <a:ext cx="2723762" cy="2369673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600" kern="1200"/>
        </a:p>
      </dsp:txBody>
      <dsp:txXfrm rot="-5400000">
        <a:off x="6452205" y="7363611"/>
        <a:ext cx="1631125" cy="187485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43C7158-3EDA-D449-8D0F-DA0A67645948}" type="datetimeFigureOut">
              <a:rPr lang="en-US" smtClean="0"/>
              <a:t>10/31/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E28C9E-AFDC-3345-9ED4-F0F60104F26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0979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/>
              <a:t>The </a:t>
            </a:r>
            <a:r>
              <a:rPr lang="en-US" sz="1200" dirty="0" err="1"/>
              <a:t>Mojaloop</a:t>
            </a:r>
            <a:r>
              <a:rPr lang="en-US" sz="1200" dirty="0"/>
              <a:t> Foundation, with the funding and support of our sponsors will continue to advance the features and capabilities of the platform and support the community committed to our mission.</a:t>
            </a:r>
            <a:br>
              <a:rPr lang="en-US" sz="1200" dirty="0"/>
            </a:br>
            <a:r>
              <a:rPr lang="en-US" sz="1200" dirty="0"/>
              <a:t>As</a:t>
            </a:r>
            <a:r>
              <a:rPr lang="en-US" sz="1200" baseline="0" dirty="0"/>
              <a:t> of June 30 2023, our participant count was </a:t>
            </a:r>
            <a:r>
              <a:rPr lang="en-US" sz="12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,328 people.</a:t>
            </a:r>
            <a:endParaRPr lang="en-US" sz="1200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E28C9E-AFDC-3345-9ED4-F0F60104F264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697999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1212E7D8-EF21-2543-93D3-E52749CD1EC8}"/>
              </a:ext>
            </a:extLst>
          </p:cNvPr>
          <p:cNvSpPr/>
          <p:nvPr userDrawn="1"/>
        </p:nvSpPr>
        <p:spPr>
          <a:xfrm>
            <a:off x="861219" y="3595738"/>
            <a:ext cx="25129908" cy="8531688"/>
          </a:xfrm>
          <a:prstGeom prst="roundRect">
            <a:avLst>
              <a:gd name="adj" fmla="val 6683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95847" y="4203903"/>
            <a:ext cx="12286059" cy="4519609"/>
          </a:xfrm>
        </p:spPr>
        <p:txBody>
          <a:bodyPr anchor="b"/>
          <a:lstStyle>
            <a:lvl1pPr algn="l">
              <a:defRPr sz="12000" b="1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95847" y="9308787"/>
            <a:ext cx="14344253" cy="2310326"/>
          </a:xfrm>
        </p:spPr>
        <p:txBody>
          <a:bodyPr/>
          <a:lstStyle>
            <a:lvl1pPr marL="0" indent="0" algn="l">
              <a:buNone/>
              <a:defRPr sz="4800">
                <a:solidFill>
                  <a:schemeClr val="bg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0AF9D7A-5BEE-9245-944A-197F51D542D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4AC1ED45-D031-B94A-BAB1-482F24228794}"/>
              </a:ext>
            </a:extLst>
          </p:cNvPr>
          <p:cNvSpPr/>
          <p:nvPr userDrawn="1"/>
        </p:nvSpPr>
        <p:spPr>
          <a:xfrm>
            <a:off x="14216243" y="1588574"/>
            <a:ext cx="4769554" cy="4769554"/>
          </a:xfrm>
          <a:prstGeom prst="ellipse">
            <a:avLst/>
          </a:prstGeom>
          <a:noFill/>
          <a:ln w="14605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BB531EC2-BD07-9544-89FF-31AE4C23EC5E}"/>
              </a:ext>
            </a:extLst>
          </p:cNvPr>
          <p:cNvSpPr/>
          <p:nvPr userDrawn="1"/>
        </p:nvSpPr>
        <p:spPr>
          <a:xfrm>
            <a:off x="21721648" y="5453742"/>
            <a:ext cx="3608615" cy="3608615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52B1EF47-5F45-A042-A683-AA31B481CD13}"/>
              </a:ext>
            </a:extLst>
          </p:cNvPr>
          <p:cNvSpPr/>
          <p:nvPr userDrawn="1"/>
        </p:nvSpPr>
        <p:spPr>
          <a:xfrm>
            <a:off x="18985797" y="7486550"/>
            <a:ext cx="4890508" cy="4890508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6CE7C0DB-9E0D-0A4E-938B-2E797BB2000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76618" y="835854"/>
            <a:ext cx="6148471" cy="19563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1848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2CFA138-28A4-D644-AF2B-9444858492A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76618" y="12622427"/>
            <a:ext cx="2862509" cy="910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79786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CB14EC90-E499-7F40-A81C-63D0DD2592C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587" y="0"/>
            <a:ext cx="24384000" cy="13716000"/>
          </a:xfrm>
          <a:prstGeom prst="rect">
            <a:avLst/>
          </a:prstGeom>
        </p:spPr>
      </p:pic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1212E7D8-EF21-2543-93D3-E52749CD1EC8}"/>
              </a:ext>
            </a:extLst>
          </p:cNvPr>
          <p:cNvSpPr/>
          <p:nvPr userDrawn="1"/>
        </p:nvSpPr>
        <p:spPr>
          <a:xfrm>
            <a:off x="861219" y="3595738"/>
            <a:ext cx="25129908" cy="8531688"/>
          </a:xfrm>
          <a:prstGeom prst="roundRect">
            <a:avLst>
              <a:gd name="adj" fmla="val 6683"/>
            </a:avLst>
          </a:prstGeom>
          <a:solidFill>
            <a:schemeClr val="accent1">
              <a:alpha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95847" y="4203903"/>
            <a:ext cx="12286059" cy="4519609"/>
          </a:xfrm>
        </p:spPr>
        <p:txBody>
          <a:bodyPr anchor="b"/>
          <a:lstStyle>
            <a:lvl1pPr algn="l">
              <a:defRPr sz="12000" b="1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95847" y="9308787"/>
            <a:ext cx="14344253" cy="2310326"/>
          </a:xfrm>
        </p:spPr>
        <p:txBody>
          <a:bodyPr/>
          <a:lstStyle>
            <a:lvl1pPr marL="0" indent="0" algn="l">
              <a:buNone/>
              <a:defRPr sz="4800">
                <a:solidFill>
                  <a:schemeClr val="bg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0AF9D7A-5BEE-9245-944A-197F51D542D9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5" name="Graphic 14">
            <a:extLst>
              <a:ext uri="{FF2B5EF4-FFF2-40B4-BE49-F238E27FC236}">
                <a16:creationId xmlns:a16="http://schemas.microsoft.com/office/drawing/2014/main" id="{839EC2AA-D970-C448-A073-121286DBD65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676618" y="835854"/>
            <a:ext cx="6148471" cy="1956331"/>
          </a:xfrm>
          <a:prstGeom prst="rect">
            <a:avLst/>
          </a:prstGeom>
        </p:spPr>
      </p:pic>
      <p:sp>
        <p:nvSpPr>
          <p:cNvPr id="16" name="Oval 15">
            <a:extLst>
              <a:ext uri="{FF2B5EF4-FFF2-40B4-BE49-F238E27FC236}">
                <a16:creationId xmlns:a16="http://schemas.microsoft.com/office/drawing/2014/main" id="{A0C5D54B-A58F-EC4D-AA02-F28EF11FB1FD}"/>
              </a:ext>
            </a:extLst>
          </p:cNvPr>
          <p:cNvSpPr/>
          <p:nvPr userDrawn="1"/>
        </p:nvSpPr>
        <p:spPr>
          <a:xfrm>
            <a:off x="14216243" y="1588574"/>
            <a:ext cx="4769554" cy="4769554"/>
          </a:xfrm>
          <a:prstGeom prst="ellipse">
            <a:avLst/>
          </a:prstGeom>
          <a:noFill/>
          <a:ln w="14605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E2DB51D0-EFE0-9143-AB1E-054D0CA220CB}"/>
              </a:ext>
            </a:extLst>
          </p:cNvPr>
          <p:cNvSpPr/>
          <p:nvPr userDrawn="1"/>
        </p:nvSpPr>
        <p:spPr>
          <a:xfrm>
            <a:off x="21721648" y="5453742"/>
            <a:ext cx="3608615" cy="3608615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62C0393C-CCFF-344F-BF7E-2B815CA8D24F}"/>
              </a:ext>
            </a:extLst>
          </p:cNvPr>
          <p:cNvSpPr/>
          <p:nvPr userDrawn="1"/>
        </p:nvSpPr>
        <p:spPr>
          <a:xfrm>
            <a:off x="18985797" y="7486550"/>
            <a:ext cx="4890508" cy="4890508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2659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3CE94A48-21EC-9043-A425-EFF17FBDBA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76618" y="12622427"/>
            <a:ext cx="2862509" cy="910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137275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62D33483-5DC1-4919-B94C-777794C8A76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/>
          </a:blip>
          <a:srcRect/>
          <a:stretch/>
        </p:blipFill>
        <p:spPr>
          <a:xfrm>
            <a:off x="1587" y="0"/>
            <a:ext cx="24384000" cy="1371600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DE779818-F140-9546-B82F-B1DC522CC4CB}"/>
              </a:ext>
            </a:extLst>
          </p:cNvPr>
          <p:cNvSpPr/>
          <p:nvPr userDrawn="1"/>
        </p:nvSpPr>
        <p:spPr>
          <a:xfrm>
            <a:off x="0" y="564204"/>
            <a:ext cx="24387175" cy="5466945"/>
          </a:xfrm>
          <a:prstGeom prst="rect">
            <a:avLst/>
          </a:prstGeom>
          <a:solidFill>
            <a:schemeClr val="bg1">
              <a:alpha val="73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B44CB57B-FDB9-DD49-A397-36CE873A547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676618" y="12622427"/>
            <a:ext cx="2862509" cy="910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420238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63917" y="3419477"/>
            <a:ext cx="21033938" cy="5705474"/>
          </a:xfrm>
        </p:spPr>
        <p:txBody>
          <a:bodyPr anchor="b"/>
          <a:lstStyle>
            <a:lvl1pPr>
              <a:defRPr sz="12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63917" y="9178927"/>
            <a:ext cx="21033938" cy="3000374"/>
          </a:xfrm>
        </p:spPr>
        <p:txBody>
          <a:bodyPr/>
          <a:lstStyle>
            <a:lvl1pPr marL="0" indent="0">
              <a:buNone/>
              <a:defRPr sz="4800">
                <a:solidFill>
                  <a:schemeClr val="tx1">
                    <a:tint val="75000"/>
                  </a:schemeClr>
                </a:solidFill>
              </a:defRPr>
            </a:lvl1pPr>
            <a:lvl2pPr marL="914400" indent="0">
              <a:buNone/>
              <a:defRPr sz="4000">
                <a:solidFill>
                  <a:schemeClr val="tx1">
                    <a:tint val="75000"/>
                  </a:schemeClr>
                </a:solidFill>
              </a:defRPr>
            </a:lvl2pPr>
            <a:lvl3pPr marL="182880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3pPr>
            <a:lvl4pPr marL="2743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4pPr>
            <a:lvl5pPr marL="36576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5pPr>
            <a:lvl6pPr marL="45720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6pPr>
            <a:lvl7pPr marL="54864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7pPr>
            <a:lvl8pPr marL="64008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8pPr>
            <a:lvl9pPr marL="7315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DCD72061-B2C2-AC4B-B221-A92BDD95E90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76618" y="835854"/>
            <a:ext cx="6148471" cy="19563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03400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1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B51FDB6C-806C-4135-BCBC-52AC466F483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587" y="0"/>
            <a:ext cx="24384000" cy="13716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63917" y="3419477"/>
            <a:ext cx="21033938" cy="5705474"/>
          </a:xfrm>
        </p:spPr>
        <p:txBody>
          <a:bodyPr anchor="b"/>
          <a:lstStyle>
            <a:lvl1pPr>
              <a:defRPr sz="12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63917" y="9178927"/>
            <a:ext cx="21033938" cy="3000374"/>
          </a:xfrm>
        </p:spPr>
        <p:txBody>
          <a:bodyPr/>
          <a:lstStyle>
            <a:lvl1pPr marL="0" indent="0">
              <a:buNone/>
              <a:defRPr sz="4800">
                <a:solidFill>
                  <a:schemeClr val="tx1">
                    <a:tint val="75000"/>
                  </a:schemeClr>
                </a:solidFill>
              </a:defRPr>
            </a:lvl1pPr>
            <a:lvl2pPr marL="914400" indent="0">
              <a:buNone/>
              <a:defRPr sz="4000">
                <a:solidFill>
                  <a:schemeClr val="tx1">
                    <a:tint val="75000"/>
                  </a:schemeClr>
                </a:solidFill>
              </a:defRPr>
            </a:lvl2pPr>
            <a:lvl3pPr marL="182880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3pPr>
            <a:lvl4pPr marL="2743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4pPr>
            <a:lvl5pPr marL="36576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5pPr>
            <a:lvl6pPr marL="45720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6pPr>
            <a:lvl7pPr marL="54864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7pPr>
            <a:lvl8pPr marL="64008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8pPr>
            <a:lvl9pPr marL="7315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E991DA25-90B4-A443-A658-5D5A83696BD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676618" y="12622427"/>
            <a:ext cx="2862509" cy="910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80961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676618" y="3651250"/>
            <a:ext cx="10364549" cy="870267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346008" y="3651250"/>
            <a:ext cx="10364549" cy="870267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8B5E1CCF-F416-2440-906B-96A2A7952F4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76618" y="12622427"/>
            <a:ext cx="2862509" cy="910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62245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79795" y="730251"/>
            <a:ext cx="21033938" cy="2651126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79796" y="3362326"/>
            <a:ext cx="10316917" cy="1647824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679796" y="5010150"/>
            <a:ext cx="10316917" cy="736917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2346007" y="3362326"/>
            <a:ext cx="10367726" cy="1647824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2346007" y="5010150"/>
            <a:ext cx="10367726" cy="736917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861FF98D-1061-9248-8754-0013875997B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76618" y="12622427"/>
            <a:ext cx="2862509" cy="910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89794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2FFC5743-7400-D642-9870-E0DE7D4E9D3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76618" y="12622427"/>
            <a:ext cx="2862509" cy="910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54417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676619" y="730251"/>
            <a:ext cx="21033938" cy="265112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76619" y="3651250"/>
            <a:ext cx="21033938" cy="870267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8078252" y="12712701"/>
            <a:ext cx="8230672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400">
                <a:solidFill>
                  <a:srgbClr val="005A83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7223443" y="12712701"/>
            <a:ext cx="5487114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400">
                <a:solidFill>
                  <a:srgbClr val="005A83"/>
                </a:solidFill>
              </a:defRPr>
            </a:lvl1pPr>
          </a:lstStyle>
          <a:p>
            <a:fld id="{20AF9D7A-5BEE-9245-944A-197F51D542D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94115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70" r:id="rId2"/>
    <p:sldLayoutId id="2147483662" r:id="rId3"/>
    <p:sldLayoutId id="2147483668" r:id="rId4"/>
    <p:sldLayoutId id="2147483663" r:id="rId5"/>
    <p:sldLayoutId id="2147483669" r:id="rId6"/>
    <p:sldLayoutId id="2147483664" r:id="rId7"/>
    <p:sldLayoutId id="2147483665" r:id="rId8"/>
    <p:sldLayoutId id="2147483666" r:id="rId9"/>
    <p:sldLayoutId id="2147483667" r:id="rId10"/>
  </p:sldLayoutIdLst>
  <p:hf hdr="0" ftr="0" dt="0"/>
  <p:txStyles>
    <p:titleStyle>
      <a:lvl1pPr algn="l" defTabSz="1828800" rtl="0" eaLnBrk="1" latinLnBrk="0" hangingPunct="1">
        <a:lnSpc>
          <a:spcPct val="90000"/>
        </a:lnSpc>
        <a:spcBef>
          <a:spcPct val="0"/>
        </a:spcBef>
        <a:buNone/>
        <a:defRPr sz="8800" b="1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457200" indent="-457200" algn="l" defTabSz="1828800" rtl="0" eaLnBrk="1" latinLnBrk="0" hangingPunct="1">
        <a:lnSpc>
          <a:spcPct val="90000"/>
        </a:lnSpc>
        <a:spcBef>
          <a:spcPts val="2000"/>
        </a:spcBef>
        <a:buFont typeface="Arial" panose="020B0604020202020204" pitchFamily="34" charset="0"/>
        <a:buChar char="•"/>
        <a:defRPr sz="5600" kern="1200">
          <a:solidFill>
            <a:schemeClr val="tx1"/>
          </a:solidFill>
          <a:latin typeface="+mn-lt"/>
          <a:ea typeface="+mn-ea"/>
          <a:cs typeface="+mn-cs"/>
        </a:defRPr>
      </a:lvl1pPr>
      <a:lvl2pPr marL="1371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800" kern="1200">
          <a:solidFill>
            <a:schemeClr val="tx1"/>
          </a:solidFill>
          <a:latin typeface="+mn-lt"/>
          <a:ea typeface="+mn-ea"/>
          <a:cs typeface="+mn-cs"/>
        </a:defRPr>
      </a:lvl2pPr>
      <a:lvl3pPr marL="2286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000" kern="1200">
          <a:solidFill>
            <a:schemeClr val="tx1"/>
          </a:solidFill>
          <a:latin typeface="+mn-lt"/>
          <a:ea typeface="+mn-ea"/>
          <a:cs typeface="+mn-cs"/>
        </a:defRPr>
      </a:lvl3pPr>
      <a:lvl4pPr marL="3200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41148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50292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943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858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772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467947-5224-474F-9680-0BC59B20858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95847" y="4203903"/>
            <a:ext cx="15527596" cy="4519609"/>
          </a:xfrm>
        </p:spPr>
        <p:txBody>
          <a:bodyPr/>
          <a:lstStyle/>
          <a:p>
            <a:r>
              <a:rPr lang="en-US" dirty="0"/>
              <a:t>Community Updat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1702825-7D0A-4B06-A09C-D388B1F220DB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Simeon Oriko</a:t>
            </a:r>
          </a:p>
          <a:p>
            <a:r>
              <a:rPr lang="en-US" dirty="0"/>
              <a:t>Director of Community</a:t>
            </a:r>
          </a:p>
          <a:p>
            <a:r>
              <a:rPr lang="en-US" dirty="0"/>
              <a:t>Mojaloop Found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2CD3E-576B-412C-9C7A-56DA17350F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pPr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58752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C4CF96-3F55-4B76-924E-AC77121F07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76619" y="730251"/>
            <a:ext cx="21033938" cy="2651126"/>
          </a:xfrm>
        </p:spPr>
        <p:txBody>
          <a:bodyPr anchor="ctr">
            <a:normAutofit/>
          </a:bodyPr>
          <a:lstStyle/>
          <a:p>
            <a:r>
              <a:rPr lang="en-US" dirty="0"/>
              <a:t>Community Syn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74C0CF3-5874-49E7-8720-1C8E4CF9765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676618" y="3651250"/>
            <a:ext cx="10364549" cy="8702676"/>
          </a:xfrm>
        </p:spPr>
        <p:txBody>
          <a:bodyPr anchor="ctr">
            <a:normAutofit/>
          </a:bodyPr>
          <a:lstStyle/>
          <a:p>
            <a:pPr marL="0" indent="0">
              <a:buNone/>
            </a:pPr>
            <a:r>
              <a:rPr lang="en-KE" b="1" i="0" u="none" strike="noStrike" dirty="0">
                <a:effectLst/>
              </a:rPr>
              <a:t>🗓️ </a:t>
            </a:r>
            <a:r>
              <a:rPr lang="en-GB" b="1" i="0" u="none" strike="noStrike" dirty="0">
                <a:effectLst/>
              </a:rPr>
              <a:t>When: </a:t>
            </a:r>
            <a:r>
              <a:rPr lang="en-GB" i="0" u="none" strike="noStrike" dirty="0">
                <a:effectLst/>
              </a:rPr>
              <a:t>Thursday</a:t>
            </a:r>
            <a:r>
              <a:rPr lang="en-GB" b="1" i="0" u="none" strike="noStrike" dirty="0">
                <a:effectLst/>
              </a:rPr>
              <a:t> </a:t>
            </a:r>
            <a:r>
              <a:rPr lang="en-GB" i="0" u="none" strike="noStrike" dirty="0">
                <a:effectLst/>
              </a:rPr>
              <a:t>November 9, 2023 </a:t>
            </a:r>
            <a:r>
              <a:rPr lang="en-GB" dirty="0"/>
              <a:t>at </a:t>
            </a:r>
            <a:r>
              <a:rPr lang="en-GB" i="0" u="none" strike="noStrike" dirty="0">
                <a:effectLst/>
              </a:rPr>
              <a:t>2:00 PM UTC</a:t>
            </a:r>
          </a:p>
          <a:p>
            <a:pPr marL="0" indent="0">
              <a:buNone/>
            </a:pPr>
            <a:endParaRPr lang="en-GB" b="0" i="0" u="none" strike="noStrike" dirty="0">
              <a:effectLst/>
            </a:endParaRPr>
          </a:p>
          <a:p>
            <a:pPr marL="0" indent="0">
              <a:buNone/>
            </a:pPr>
            <a:r>
              <a:rPr lang="en-KE" b="0" i="0" u="none" strike="noStrike" dirty="0">
                <a:effectLst/>
              </a:rPr>
              <a:t>🖥️ </a:t>
            </a:r>
            <a:r>
              <a:rPr lang="en-GB" b="1" i="0" u="none" strike="noStrike" dirty="0">
                <a:effectLst/>
              </a:rPr>
              <a:t>Where: </a:t>
            </a:r>
            <a:r>
              <a:rPr lang="en-GB" i="0" u="none" strike="noStrike" dirty="0">
                <a:effectLst/>
              </a:rPr>
              <a:t>Virtual/Zoom Meeting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6" name="Picture 5" descr="Calendar on table">
            <a:extLst>
              <a:ext uri="{FF2B5EF4-FFF2-40B4-BE49-F238E27FC236}">
                <a16:creationId xmlns:a16="http://schemas.microsoft.com/office/drawing/2014/main" id="{0AE28E2D-FD9E-0395-30E0-00CF8945393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0503" b="-1"/>
          <a:stretch/>
        </p:blipFill>
        <p:spPr>
          <a:xfrm>
            <a:off x="12346008" y="3651250"/>
            <a:ext cx="10364549" cy="8702676"/>
          </a:xfrm>
          <a:prstGeom prst="rect">
            <a:avLst/>
          </a:prstGeom>
          <a:noFill/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7223443" y="12712701"/>
            <a:ext cx="5487114" cy="73025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20AF9D7A-5BEE-9245-944A-197F51D542D9}" type="slidenum">
              <a:rPr lang="en-US" smtClean="0"/>
              <a:pPr>
                <a:spcAft>
                  <a:spcPts val="600"/>
                </a:spcAft>
              </a:pPr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650645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41D4FE7-D297-836B-5D26-1428B3FC6FF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KE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33E4FB1-430E-4502-4653-057236E599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11</a:t>
            </a:fld>
            <a:endParaRPr lang="en-US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1D79D693-E100-24A8-8294-808222A252E6}"/>
              </a:ext>
            </a:extLst>
          </p:cNvPr>
          <p:cNvSpPr txBox="1">
            <a:spLocks/>
          </p:cNvSpPr>
          <p:nvPr/>
        </p:nvSpPr>
        <p:spPr>
          <a:xfrm>
            <a:off x="1689320" y="3473453"/>
            <a:ext cx="21033938" cy="570547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1828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12000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2023 Community Governance Elections</a:t>
            </a:r>
          </a:p>
        </p:txBody>
      </p:sp>
    </p:spTree>
    <p:extLst>
      <p:ext uri="{BB962C8B-B14F-4D97-AF65-F5344CB8AC3E}">
        <p14:creationId xmlns:p14="http://schemas.microsoft.com/office/powerpoint/2010/main" val="280675456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3A8CC-F7F4-0242-8A3C-B7BB87A902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8309" y="730251"/>
            <a:ext cx="21692248" cy="2651126"/>
          </a:xfrm>
        </p:spPr>
        <p:txBody>
          <a:bodyPr/>
          <a:lstStyle/>
          <a:p>
            <a:r>
              <a:rPr lang="en-KE" dirty="0"/>
              <a:t>2023 Community Governance Elec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150CB20-FCE8-2B41-8FFC-53DB9731CE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200000"/>
              </a:lnSpc>
            </a:pPr>
            <a:r>
              <a:rPr lang="en-KE" dirty="0"/>
              <a:t>Community Council (9 openings)</a:t>
            </a:r>
          </a:p>
          <a:p>
            <a:pPr>
              <a:lnSpc>
                <a:spcPct val="200000"/>
              </a:lnSpc>
            </a:pPr>
            <a:r>
              <a:rPr lang="en-KE" dirty="0"/>
              <a:t>Design Authority (5 openings)</a:t>
            </a:r>
          </a:p>
          <a:p>
            <a:pPr>
              <a:lnSpc>
                <a:spcPct val="200000"/>
              </a:lnSpc>
            </a:pPr>
            <a:r>
              <a:rPr lang="en-KE" dirty="0"/>
              <a:t>Change Control Board (1 openings) </a:t>
            </a:r>
          </a:p>
          <a:p>
            <a:pPr lvl="1">
              <a:lnSpc>
                <a:spcPct val="200000"/>
              </a:lnSpc>
            </a:pPr>
            <a:r>
              <a:rPr lang="en-KE" dirty="0"/>
              <a:t>Rapporteur (Chair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1F589C-85F1-6A46-8577-76B4D9E9C2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337283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DB5F6699-26A5-4BAD-8B4B-69B4334155D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484152" y="25401"/>
            <a:ext cx="1025922" cy="5539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600" b="1">
                <a:solidFill>
                  <a:schemeClr val="accent2"/>
                </a:solidFill>
              </a:rPr>
              <a:t>2023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5E6FD03-1988-F3CC-4EB5-35B93DA83DF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439268" y="25401"/>
            <a:ext cx="936154" cy="5539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51DB5B7-A236-4770-A5C5-3D118543F15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690517" y="7297576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F455DDB1-E756-49A7-908C-8ABBC0C9F32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617947" y="7805577"/>
            <a:ext cx="152400" cy="169334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A271D63-CE52-43BF-B8A4-59A3BD813FB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6330003" y="12735468"/>
            <a:ext cx="712375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spc="-2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4" name="OTLSHAPE_T_85ffb43cdd974451936cad87c9bb5db3_ShapePercentage" hidden="1">
            <a:extLst>
              <a:ext uri="{FF2B5EF4-FFF2-40B4-BE49-F238E27FC236}">
                <a16:creationId xmlns:a16="http://schemas.microsoft.com/office/drawing/2014/main" id="{CFFFAAC7-671F-47BA-A0E7-E10D1D573D8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190957" y="310894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6" name="OTLSHAPE_T_ee4428baded44f1b9fbe66b5519219b5_ShapePercentage" hidden="1">
            <a:extLst>
              <a:ext uri="{FF2B5EF4-FFF2-40B4-BE49-F238E27FC236}">
                <a16:creationId xmlns:a16="http://schemas.microsoft.com/office/drawing/2014/main" id="{46C8684E-B416-46A3-89F3-024E43FF28C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193005" y="352618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8" name="OTLSHAPE_T_a1a676fbd78545babb16ecc35d69518b_ShapePercentage" hidden="1">
            <a:extLst>
              <a:ext uri="{FF2B5EF4-FFF2-40B4-BE49-F238E27FC236}">
                <a16:creationId xmlns:a16="http://schemas.microsoft.com/office/drawing/2014/main" id="{9AC9DCC0-DBB1-4998-88C4-DF13B5219C3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3694029" y="394342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30" name="OTLSHAPE_T_cfe82d0cbb74492e9807beb8c9c7b909_ShapePercentage" hidden="1">
            <a:extLst>
              <a:ext uri="{FF2B5EF4-FFF2-40B4-BE49-F238E27FC236}">
                <a16:creationId xmlns:a16="http://schemas.microsoft.com/office/drawing/2014/main" id="{BA41BA35-E0F7-4507-ACA1-1672DF6A983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7195053" y="436066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32" name="OTLSHAPE_T_9a73e463353c4d2abb641342adde4731_ShapePercentage" hidden="1">
            <a:extLst>
              <a:ext uri="{FF2B5EF4-FFF2-40B4-BE49-F238E27FC236}">
                <a16:creationId xmlns:a16="http://schemas.microsoft.com/office/drawing/2014/main" id="{EDBB330C-7222-47E1-B1AE-23E675BC109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7695199" y="511893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77" name="OTLSHAPE_T_e1664b10a79849eaa7bb591159e4ff69_Duration" hidden="1">
            <a:extLst>
              <a:ext uri="{FF2B5EF4-FFF2-40B4-BE49-F238E27FC236}">
                <a16:creationId xmlns:a16="http://schemas.microsoft.com/office/drawing/2014/main" id="{2DBA36A7-445B-4725-97C4-46003972019F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6987" y="-752395"/>
            <a:ext cx="660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6 days</a:t>
            </a:r>
          </a:p>
        </p:txBody>
      </p:sp>
      <p:sp>
        <p:nvSpPr>
          <p:cNvPr id="79" name="OTLSHAPE_T_e1664b10a79849eaa7bb591159e4ff69_StartDate" hidden="1">
            <a:extLst>
              <a:ext uri="{FF2B5EF4-FFF2-40B4-BE49-F238E27FC236}">
                <a16:creationId xmlns:a16="http://schemas.microsoft.com/office/drawing/2014/main" id="{669D1D6B-1854-4721-BEC3-EDF11A6D2F30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80" name="OTLSHAPE_T_e1664b10a79849eaa7bb591159e4ff69_EndDate" hidden="1">
            <a:extLst>
              <a:ext uri="{FF2B5EF4-FFF2-40B4-BE49-F238E27FC236}">
                <a16:creationId xmlns:a16="http://schemas.microsoft.com/office/drawing/2014/main" id="{E69FFE42-AFD0-4466-A88C-C8A9AE064476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09" name="OTLSHAPE_T_85ffb43cdd974451936cad87c9bb5db3_Duration" hidden="1">
            <a:extLst>
              <a:ext uri="{FF2B5EF4-FFF2-40B4-BE49-F238E27FC236}">
                <a16:creationId xmlns:a16="http://schemas.microsoft.com/office/drawing/2014/main" id="{8315A2CE-548D-4A6A-91FA-0BFABAFBEF9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6987" y="-741183"/>
            <a:ext cx="787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10 days</a:t>
            </a:r>
          </a:p>
        </p:txBody>
      </p:sp>
      <p:sp>
        <p:nvSpPr>
          <p:cNvPr id="110" name="OTLSHAPE_T_85ffb43cdd974451936cad87c9bb5db3_TextPercentage" hidden="1">
            <a:extLst>
              <a:ext uri="{FF2B5EF4-FFF2-40B4-BE49-F238E27FC236}">
                <a16:creationId xmlns:a16="http://schemas.microsoft.com/office/drawing/2014/main" id="{BBFE2795-C211-4159-A668-CF6F894F04F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11" name="OTLSHAPE_T_85ffb43cdd974451936cad87c9bb5db3_StartDate" hidden="1">
            <a:extLst>
              <a:ext uri="{FF2B5EF4-FFF2-40B4-BE49-F238E27FC236}">
                <a16:creationId xmlns:a16="http://schemas.microsoft.com/office/drawing/2014/main" id="{D1FFE264-C792-468C-A7C8-0140D01A593B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12" name="OTLSHAPE_T_85ffb43cdd974451936cad87c9bb5db3_EndDate" hidden="1">
            <a:extLst>
              <a:ext uri="{FF2B5EF4-FFF2-40B4-BE49-F238E27FC236}">
                <a16:creationId xmlns:a16="http://schemas.microsoft.com/office/drawing/2014/main" id="{54C790EC-AD73-4991-B9B2-AA4DB559BAE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41" name="OTLSHAPE_T_ee4428baded44f1b9fbe66b5519219b5_Duration" hidden="1">
            <a:extLst>
              <a:ext uri="{FF2B5EF4-FFF2-40B4-BE49-F238E27FC236}">
                <a16:creationId xmlns:a16="http://schemas.microsoft.com/office/drawing/2014/main" id="{1F3FD60B-712C-423F-8FDC-614F6FE53A3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6987" y="-609719"/>
            <a:ext cx="660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5 days</a:t>
            </a:r>
          </a:p>
        </p:txBody>
      </p:sp>
      <p:sp>
        <p:nvSpPr>
          <p:cNvPr id="142" name="OTLSHAPE_T_ee4428baded44f1b9fbe66b5519219b5_TextPercentage" hidden="1">
            <a:extLst>
              <a:ext uri="{FF2B5EF4-FFF2-40B4-BE49-F238E27FC236}">
                <a16:creationId xmlns:a16="http://schemas.microsoft.com/office/drawing/2014/main" id="{779B2C9E-EBE7-45E5-9B38-AD08D6D6455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43" name="OTLSHAPE_T_ee4428baded44f1b9fbe66b5519219b5_StartDate" hidden="1">
            <a:extLst>
              <a:ext uri="{FF2B5EF4-FFF2-40B4-BE49-F238E27FC236}">
                <a16:creationId xmlns:a16="http://schemas.microsoft.com/office/drawing/2014/main" id="{669FE138-E3D0-4595-93EA-35003371446B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44" name="OTLSHAPE_T_ee4428baded44f1b9fbe66b5519219b5_EndDate" hidden="1">
            <a:extLst>
              <a:ext uri="{FF2B5EF4-FFF2-40B4-BE49-F238E27FC236}">
                <a16:creationId xmlns:a16="http://schemas.microsoft.com/office/drawing/2014/main" id="{DF7AC282-5D42-48B1-9337-25DD0143F0C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49" name="OTLSHAPE_T_a1a676fbd78545babb16ecc35d69518b_Duration" hidden="1">
            <a:extLst>
              <a:ext uri="{FF2B5EF4-FFF2-40B4-BE49-F238E27FC236}">
                <a16:creationId xmlns:a16="http://schemas.microsoft.com/office/drawing/2014/main" id="{A479051D-B555-476A-B7B4-C1982E6A80EC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987" y="-598507"/>
            <a:ext cx="660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5 days</a:t>
            </a:r>
          </a:p>
        </p:txBody>
      </p:sp>
      <p:sp>
        <p:nvSpPr>
          <p:cNvPr id="150" name="OTLSHAPE_T_a1a676fbd78545babb16ecc35d69518b_TextPercentage" hidden="1">
            <a:extLst>
              <a:ext uri="{FF2B5EF4-FFF2-40B4-BE49-F238E27FC236}">
                <a16:creationId xmlns:a16="http://schemas.microsoft.com/office/drawing/2014/main" id="{01660D44-B80B-469C-A772-AFADD92AF4D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51" name="OTLSHAPE_T_a1a676fbd78545babb16ecc35d69518b_StartDate" hidden="1">
            <a:extLst>
              <a:ext uri="{FF2B5EF4-FFF2-40B4-BE49-F238E27FC236}">
                <a16:creationId xmlns:a16="http://schemas.microsoft.com/office/drawing/2014/main" id="{90A251CF-1442-465D-A1C6-17FF979AC112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52" name="OTLSHAPE_T_a1a676fbd78545babb16ecc35d69518b_EndDate" hidden="1">
            <a:extLst>
              <a:ext uri="{FF2B5EF4-FFF2-40B4-BE49-F238E27FC236}">
                <a16:creationId xmlns:a16="http://schemas.microsoft.com/office/drawing/2014/main" id="{FE3E3899-FB2C-4C7E-A85B-E5BE0B414FE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73" name="OTLSHAPE_T_cfe82d0cbb74492e9807beb8c9c7b909_Duration" hidden="1">
            <a:extLst>
              <a:ext uri="{FF2B5EF4-FFF2-40B4-BE49-F238E27FC236}">
                <a16:creationId xmlns:a16="http://schemas.microsoft.com/office/drawing/2014/main" id="{23241D50-58C6-4B97-B4F6-51C08B23E1D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6987" y="-455831"/>
            <a:ext cx="5588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1 day</a:t>
            </a:r>
          </a:p>
        </p:txBody>
      </p:sp>
      <p:sp>
        <p:nvSpPr>
          <p:cNvPr id="174" name="OTLSHAPE_T_cfe82d0cbb74492e9807beb8c9c7b909_TextPercentage" hidden="1">
            <a:extLst>
              <a:ext uri="{FF2B5EF4-FFF2-40B4-BE49-F238E27FC236}">
                <a16:creationId xmlns:a16="http://schemas.microsoft.com/office/drawing/2014/main" id="{2CFD58E4-53E8-46DD-8304-A4711EF5569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75" name="OTLSHAPE_T_cfe82d0cbb74492e9807beb8c9c7b909_StartDate" hidden="1">
            <a:extLst>
              <a:ext uri="{FF2B5EF4-FFF2-40B4-BE49-F238E27FC236}">
                <a16:creationId xmlns:a16="http://schemas.microsoft.com/office/drawing/2014/main" id="{EBC29B4E-62E5-4239-833F-E804063882D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76" name="OTLSHAPE_T_cfe82d0cbb74492e9807beb8c9c7b909_EndDate" hidden="1">
            <a:extLst>
              <a:ext uri="{FF2B5EF4-FFF2-40B4-BE49-F238E27FC236}">
                <a16:creationId xmlns:a16="http://schemas.microsoft.com/office/drawing/2014/main" id="{21047250-EEB7-4C45-8B58-AF069661FDFF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97" name="OTLSHAPE_T_9a73e463353c4d2abb641342adde4731_Duration" hidden="1">
            <a:extLst>
              <a:ext uri="{FF2B5EF4-FFF2-40B4-BE49-F238E27FC236}">
                <a16:creationId xmlns:a16="http://schemas.microsoft.com/office/drawing/2014/main" id="{6AF50B72-FC92-485C-BA63-E9232F1C5C1C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6987" y="-752395"/>
            <a:ext cx="660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7 days</a:t>
            </a:r>
          </a:p>
        </p:txBody>
      </p:sp>
      <p:sp>
        <p:nvSpPr>
          <p:cNvPr id="198" name="OTLSHAPE_T_9a73e463353c4d2abb641342adde4731_TextPercentage" hidden="1">
            <a:extLst>
              <a:ext uri="{FF2B5EF4-FFF2-40B4-BE49-F238E27FC236}">
                <a16:creationId xmlns:a16="http://schemas.microsoft.com/office/drawing/2014/main" id="{419DFE2A-67FB-40AA-83AB-9FB1EAEC2ED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99" name="OTLSHAPE_T_9a73e463353c4d2abb641342adde4731_StartDate" hidden="1">
            <a:extLst>
              <a:ext uri="{FF2B5EF4-FFF2-40B4-BE49-F238E27FC236}">
                <a16:creationId xmlns:a16="http://schemas.microsoft.com/office/drawing/2014/main" id="{F5D318EF-2F73-48E1-AFAB-10CF20CC0AD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200" name="OTLSHAPE_T_9a73e463353c4d2abb641342adde4731_EndDate" hidden="1">
            <a:extLst>
              <a:ext uri="{FF2B5EF4-FFF2-40B4-BE49-F238E27FC236}">
                <a16:creationId xmlns:a16="http://schemas.microsoft.com/office/drawing/2014/main" id="{DA3F7F49-2001-4118-B434-1494C600214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3AA1DB45-3D55-BAC8-03B9-313836A89FAE}"/>
              </a:ext>
            </a:extLst>
          </p:cNvPr>
          <p:cNvGrpSpPr/>
          <p:nvPr/>
        </p:nvGrpSpPr>
        <p:grpSpPr>
          <a:xfrm>
            <a:off x="303296" y="4210678"/>
            <a:ext cx="23780582" cy="5294643"/>
            <a:chOff x="599987" y="2510933"/>
            <a:chExt cx="23780582" cy="5294643"/>
          </a:xfrm>
        </p:grpSpPr>
        <p:sp>
          <p:nvSpPr>
            <p:cNvPr id="4" name="OTLSHAPE_TB_00000000000000000000000000000000_ScaleContainer">
              <a:extLst>
                <a:ext uri="{FF2B5EF4-FFF2-40B4-BE49-F238E27FC236}">
                  <a16:creationId xmlns:a16="http://schemas.microsoft.com/office/drawing/2014/main" id="{3879C5B8-83C8-4CEA-AF2A-B07105B0F735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1690517" y="7297576"/>
              <a:ext cx="21031200" cy="508000"/>
            </a:xfrm>
            <a:prstGeom prst="roundRect">
              <a:avLst/>
            </a:prstGeom>
            <a:gradFill flip="none" rotWithShape="1">
              <a:gsLst>
                <a:gs pos="0">
                  <a:srgbClr val="6F3198"/>
                </a:gs>
                <a:gs pos="100000">
                  <a:srgbClr val="5D2A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8" name="OTLSHAPE_TB_00000000000000000000000000000000_TimescaleInterval1">
              <a:extLst>
                <a:ext uri="{FF2B5EF4-FFF2-40B4-BE49-F238E27FC236}">
                  <a16:creationId xmlns:a16="http://schemas.microsoft.com/office/drawing/2014/main" id="{6B362429-561E-49CF-B243-CCA3864C1D0F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1817517" y="7365521"/>
              <a:ext cx="747000" cy="37211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2400" spc="-32">
                  <a:solidFill>
                    <a:schemeClr val="lt1"/>
                  </a:solidFill>
                  <a:latin typeface="Calibri" panose="020F0502020204030204" pitchFamily="34" charset="0"/>
                </a:rPr>
                <a:t>10/29</a:t>
              </a:r>
            </a:p>
          </p:txBody>
        </p:sp>
        <p:sp>
          <p:nvSpPr>
            <p:cNvPr id="9" name="OTLSHAPE_TB_00000000000000000000000000000000_TimescaleInterval2">
              <a:extLst>
                <a:ext uri="{FF2B5EF4-FFF2-40B4-BE49-F238E27FC236}">
                  <a16:creationId xmlns:a16="http://schemas.microsoft.com/office/drawing/2014/main" id="{159CB868-4C28-411A-9BB2-F6F458DFB502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5318541" y="7365521"/>
              <a:ext cx="747000" cy="37211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2400" spc="-32">
                  <a:solidFill>
                    <a:schemeClr val="lt1"/>
                  </a:solidFill>
                  <a:latin typeface="Calibri" panose="020F0502020204030204" pitchFamily="34" charset="0"/>
                </a:rPr>
                <a:t>11/05</a:t>
              </a:r>
            </a:p>
          </p:txBody>
        </p:sp>
        <p:sp>
          <p:nvSpPr>
            <p:cNvPr id="10" name="OTLSHAPE_TB_00000000000000000000000000000000_ScaleMarking1">
              <a:extLst>
                <a:ext uri="{FF2B5EF4-FFF2-40B4-BE49-F238E27FC236}">
                  <a16:creationId xmlns:a16="http://schemas.microsoft.com/office/drawing/2014/main" id="{BC5D7DB0-5A4B-4C27-94E8-2DED1574C840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1817518" y="6925467"/>
              <a:ext cx="628378" cy="37211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2400" spc="-40">
                  <a:solidFill>
                    <a:srgbClr val="6F3198"/>
                  </a:solidFill>
                  <a:latin typeface="Calibri" panose="020F0502020204030204" pitchFamily="34" charset="0"/>
                </a:rPr>
                <a:t>2023</a:t>
              </a:r>
            </a:p>
          </p:txBody>
        </p:sp>
        <p:sp>
          <p:nvSpPr>
            <p:cNvPr id="203" name="OTLSHAPE_TB_00000000000000000000000000000000_TimescaleInterval3">
              <a:extLst>
                <a:ext uri="{FF2B5EF4-FFF2-40B4-BE49-F238E27FC236}">
                  <a16:creationId xmlns:a16="http://schemas.microsoft.com/office/drawing/2014/main" id="{2912291A-54F7-4646-9156-D9F46D4D56AA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8819565" y="7365521"/>
              <a:ext cx="747000" cy="37211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2400" spc="-32">
                  <a:solidFill>
                    <a:schemeClr val="lt1"/>
                  </a:solidFill>
                  <a:latin typeface="Calibri" panose="020F0502020204030204" pitchFamily="34" charset="0"/>
                </a:rPr>
                <a:t>11/12</a:t>
              </a:r>
            </a:p>
          </p:txBody>
        </p:sp>
        <p:sp>
          <p:nvSpPr>
            <p:cNvPr id="204" name="OTLSHAPE_TB_00000000000000000000000000000000_TimescaleInterval4">
              <a:extLst>
                <a:ext uri="{FF2B5EF4-FFF2-40B4-BE49-F238E27FC236}">
                  <a16:creationId xmlns:a16="http://schemas.microsoft.com/office/drawing/2014/main" id="{B1C4330D-1137-4359-AB12-54E61AAA0977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12320591" y="7365521"/>
              <a:ext cx="747000" cy="37211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2400" spc="-32">
                  <a:solidFill>
                    <a:schemeClr val="lt1"/>
                  </a:solidFill>
                  <a:latin typeface="Calibri" panose="020F0502020204030204" pitchFamily="34" charset="0"/>
                </a:rPr>
                <a:t>11/19</a:t>
              </a:r>
            </a:p>
          </p:txBody>
        </p:sp>
        <p:sp>
          <p:nvSpPr>
            <p:cNvPr id="205" name="OTLSHAPE_TB_00000000000000000000000000000000_TimescaleInterval5">
              <a:extLst>
                <a:ext uri="{FF2B5EF4-FFF2-40B4-BE49-F238E27FC236}">
                  <a16:creationId xmlns:a16="http://schemas.microsoft.com/office/drawing/2014/main" id="{987D5C3E-2F0D-4A3A-9280-30B5BFCAC8EA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15821613" y="7365521"/>
              <a:ext cx="747000" cy="37211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2400" spc="-32">
                  <a:solidFill>
                    <a:schemeClr val="lt1"/>
                  </a:solidFill>
                  <a:latin typeface="Calibri" panose="020F0502020204030204" pitchFamily="34" charset="0"/>
                </a:rPr>
                <a:t>11/26</a:t>
              </a:r>
            </a:p>
          </p:txBody>
        </p:sp>
        <p:sp>
          <p:nvSpPr>
            <p:cNvPr id="11" name="OTLSHAPE_TB_00000000000000000000000000000000_TimescaleInterval6">
              <a:extLst>
                <a:ext uri="{FF2B5EF4-FFF2-40B4-BE49-F238E27FC236}">
                  <a16:creationId xmlns:a16="http://schemas.microsoft.com/office/drawing/2014/main" id="{F733933B-4C2B-6D4E-0809-634B62F2A604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19322639" y="7365521"/>
              <a:ext cx="747000" cy="37211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2400" spc="-32">
                  <a:solidFill>
                    <a:schemeClr val="lt1"/>
                  </a:solidFill>
                  <a:latin typeface="Calibri" panose="020F0502020204030204" pitchFamily="34" charset="0"/>
                </a:rPr>
                <a:t>12/03</a:t>
              </a:r>
            </a:p>
          </p:txBody>
        </p:sp>
        <p:sp>
          <p:nvSpPr>
            <p:cNvPr id="221" name="OTLSHAPE_T_e1664b10a79849eaa7bb591159e4ff69_Shape">
              <a:extLst>
                <a:ext uri="{FF2B5EF4-FFF2-40B4-BE49-F238E27FC236}">
                  <a16:creationId xmlns:a16="http://schemas.microsoft.com/office/drawing/2014/main" id="{43B7F5F5-F77C-4D65-9768-1D5E5937E9AE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3190957" y="2663685"/>
              <a:ext cx="4013200" cy="310050"/>
            </a:xfrm>
            <a:prstGeom prst="homePlat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223" name="OTLSHAPE_T_85ffb43cdd974451936cad87c9bb5db3_Shape">
              <a:extLst>
                <a:ext uri="{FF2B5EF4-FFF2-40B4-BE49-F238E27FC236}">
                  <a16:creationId xmlns:a16="http://schemas.microsoft.com/office/drawing/2014/main" id="{1D0CD880-495C-4772-8670-98F4152CB8DE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3190957" y="3108946"/>
              <a:ext cx="7010400" cy="254000"/>
            </a:xfrm>
            <a:prstGeom prst="homePlat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225" name="OTLSHAPE_T_ee4428baded44f1b9fbe66b5519219b5_Shape">
              <a:extLst>
                <a:ext uri="{FF2B5EF4-FFF2-40B4-BE49-F238E27FC236}">
                  <a16:creationId xmlns:a16="http://schemas.microsoft.com/office/drawing/2014/main" id="{EEEBB74C-187B-4CF0-9BE3-76E387002D92}"/>
                </a:ext>
              </a:extLst>
            </p:cNvPr>
            <p:cNvSpPr/>
            <p:nvPr>
              <p:custDataLst>
                <p:tags r:id="rId45"/>
              </p:custDataLst>
            </p:nvPr>
          </p:nvSpPr>
          <p:spPr>
            <a:xfrm>
              <a:off x="10193005" y="3526184"/>
              <a:ext cx="3505200" cy="254000"/>
            </a:xfrm>
            <a:prstGeom prst="homePlat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227" name="OTLSHAPE_T_a1a676fbd78545babb16ecc35d69518b_Shape">
              <a:extLst>
                <a:ext uri="{FF2B5EF4-FFF2-40B4-BE49-F238E27FC236}">
                  <a16:creationId xmlns:a16="http://schemas.microsoft.com/office/drawing/2014/main" id="{7E684BFA-413F-48C2-A178-28EB8CE77D71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13694029" y="3943422"/>
              <a:ext cx="3505200" cy="254000"/>
            </a:xfrm>
            <a:prstGeom prst="homePlat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229" name="OTLSHAPE_T_cfe82d0cbb74492e9807beb8c9c7b909_Shape">
              <a:extLst>
                <a:ext uri="{FF2B5EF4-FFF2-40B4-BE49-F238E27FC236}">
                  <a16:creationId xmlns:a16="http://schemas.microsoft.com/office/drawing/2014/main" id="{99C0BF42-792A-4708-B75B-ED91FF5C4B39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17195053" y="4360660"/>
              <a:ext cx="508000" cy="254000"/>
            </a:xfrm>
            <a:prstGeom prst="homePlat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231" name="OTLSHAPE_T_9a73e463353c4d2abb641342adde4731_Shape">
              <a:extLst>
                <a:ext uri="{FF2B5EF4-FFF2-40B4-BE49-F238E27FC236}">
                  <a16:creationId xmlns:a16="http://schemas.microsoft.com/office/drawing/2014/main" id="{DE8CFA1B-AF24-40C4-9325-20ABD6C45B1D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17695199" y="5118934"/>
              <a:ext cx="4521200" cy="254000"/>
            </a:xfrm>
            <a:prstGeom prst="homePlat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222" name="OTLSHAPE_T_e1664b10a79849eaa7bb591159e4ff69_ShapePercentage">
              <a:extLst>
                <a:ext uri="{FF2B5EF4-FFF2-40B4-BE49-F238E27FC236}">
                  <a16:creationId xmlns:a16="http://schemas.microsoft.com/office/drawing/2014/main" id="{6FBCBEE0-FA05-400F-817F-BBF35D867705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190957" y="2663685"/>
              <a:ext cx="381000" cy="310050"/>
            </a:xfrm>
            <a:prstGeom prst="homePlate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78" name="OTLSHAPE_T_e1664b10a79849eaa7bb591159e4ff69_TextPercentage">
              <a:extLst>
                <a:ext uri="{FF2B5EF4-FFF2-40B4-BE49-F238E27FC236}">
                  <a16:creationId xmlns:a16="http://schemas.microsoft.com/office/drawing/2014/main" id="{669DB9DF-A7A3-48B9-B90F-E9A33B3E01AF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3190957" y="2510933"/>
              <a:ext cx="330200" cy="61555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2000" spc="-20">
                  <a:solidFill>
                    <a:schemeClr val="accent2"/>
                  </a:solidFill>
                </a:rPr>
                <a:t>0%</a:t>
              </a:r>
            </a:p>
          </p:txBody>
        </p:sp>
        <p:sp>
          <p:nvSpPr>
            <p:cNvPr id="81" name="OTLSHAPE_T_e1664b10a79849eaa7bb591159e4ff69_JoinedDate">
              <a:extLst>
                <a:ext uri="{FF2B5EF4-FFF2-40B4-BE49-F238E27FC236}">
                  <a16:creationId xmlns:a16="http://schemas.microsoft.com/office/drawing/2014/main" id="{8EE98F2C-6552-411A-8EE9-C32F7223A2B2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620137" y="2664821"/>
              <a:ext cx="24892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2000" spc="-12">
                  <a:solidFill>
                    <a:schemeClr val="dk2"/>
                  </a:solidFill>
                  <a:latin typeface="Calibri" panose="020F0502020204030204" pitchFamily="34" charset="0"/>
                </a:rPr>
                <a:t>Wed 1.Nov - Wed 8.Nov</a:t>
              </a:r>
            </a:p>
          </p:txBody>
        </p:sp>
        <p:sp>
          <p:nvSpPr>
            <p:cNvPr id="82" name="OTLSHAPE_T_e1664b10a79849eaa7bb591159e4ff69_Title">
              <a:extLst>
                <a:ext uri="{FF2B5EF4-FFF2-40B4-BE49-F238E27FC236}">
                  <a16:creationId xmlns:a16="http://schemas.microsoft.com/office/drawing/2014/main" id="{83BDCCBD-FE85-47B4-8210-858260878628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7293379" y="2649433"/>
              <a:ext cx="4267200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2200" b="1" spc="-12">
                  <a:solidFill>
                    <a:schemeClr val="dk1"/>
                  </a:solidFill>
                  <a:latin typeface="Calibri" panose="020F0502020204030204" pitchFamily="34" charset="0"/>
                </a:rPr>
                <a:t>Nomination / Register to vote Period</a:t>
              </a:r>
            </a:p>
          </p:txBody>
        </p:sp>
        <p:sp>
          <p:nvSpPr>
            <p:cNvPr id="113" name="OTLSHAPE_T_85ffb43cdd974451936cad87c9bb5db3_JoinedDate">
              <a:extLst>
                <a:ext uri="{FF2B5EF4-FFF2-40B4-BE49-F238E27FC236}">
                  <a16:creationId xmlns:a16="http://schemas.microsoft.com/office/drawing/2014/main" id="{B01B6454-71B5-41B3-A5E0-EB679937943E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599987" y="3082059"/>
              <a:ext cx="25146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2000" spc="-12">
                  <a:solidFill>
                    <a:schemeClr val="dk2"/>
                  </a:solidFill>
                  <a:latin typeface="Calibri" panose="020F0502020204030204" pitchFamily="34" charset="0"/>
                </a:rPr>
                <a:t>Wed 1.Nov - Tue 14.Nov</a:t>
              </a:r>
            </a:p>
          </p:txBody>
        </p:sp>
        <p:sp>
          <p:nvSpPr>
            <p:cNvPr id="114" name="OTLSHAPE_T_85ffb43cdd974451936cad87c9bb5db3_Title">
              <a:extLst>
                <a:ext uri="{FF2B5EF4-FFF2-40B4-BE49-F238E27FC236}">
                  <a16:creationId xmlns:a16="http://schemas.microsoft.com/office/drawing/2014/main" id="{784CAA29-BD09-4712-B6DE-35734752216B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10294257" y="3066671"/>
              <a:ext cx="2006600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2200" b="1" spc="-16">
                  <a:solidFill>
                    <a:schemeClr val="dk1"/>
                  </a:solidFill>
                  <a:latin typeface="Calibri" panose="020F0502020204030204" pitchFamily="34" charset="0"/>
                </a:rPr>
                <a:t>Slate preparation</a:t>
              </a:r>
            </a:p>
          </p:txBody>
        </p:sp>
        <p:sp>
          <p:nvSpPr>
            <p:cNvPr id="145" name="OTLSHAPE_T_ee4428baded44f1b9fbe66b5519219b5_JoinedDate">
              <a:extLst>
                <a:ext uri="{FF2B5EF4-FFF2-40B4-BE49-F238E27FC236}">
                  <a16:creationId xmlns:a16="http://schemas.microsoft.com/office/drawing/2014/main" id="{7A56456B-8A90-4186-97EE-2C09997AD1E5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7473257" y="3499297"/>
              <a:ext cx="26416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2000" spc="-12">
                  <a:solidFill>
                    <a:schemeClr val="dk2"/>
                  </a:solidFill>
                  <a:latin typeface="Calibri" panose="020F0502020204030204" pitchFamily="34" charset="0"/>
                </a:rPr>
                <a:t>Wed 15.Nov - Tue 21.Nov</a:t>
              </a:r>
            </a:p>
          </p:txBody>
        </p:sp>
        <p:sp>
          <p:nvSpPr>
            <p:cNvPr id="146" name="OTLSHAPE_T_ee4428baded44f1b9fbe66b5519219b5_Title">
              <a:extLst>
                <a:ext uri="{FF2B5EF4-FFF2-40B4-BE49-F238E27FC236}">
                  <a16:creationId xmlns:a16="http://schemas.microsoft.com/office/drawing/2014/main" id="{19AFBF47-315C-4D5F-AD83-23011313376A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13795281" y="3483909"/>
              <a:ext cx="1574800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2200" b="1" spc="-20">
                  <a:solidFill>
                    <a:schemeClr val="dk1"/>
                  </a:solidFill>
                  <a:latin typeface="Calibri" panose="020F0502020204030204" pitchFamily="34" charset="0"/>
                </a:rPr>
                <a:t>Voting Period</a:t>
              </a:r>
            </a:p>
          </p:txBody>
        </p:sp>
        <p:sp>
          <p:nvSpPr>
            <p:cNvPr id="153" name="OTLSHAPE_T_a1a676fbd78545babb16ecc35d69518b_JoinedDate">
              <a:extLst>
                <a:ext uri="{FF2B5EF4-FFF2-40B4-BE49-F238E27FC236}">
                  <a16:creationId xmlns:a16="http://schemas.microsoft.com/office/drawing/2014/main" id="{F799E0BD-ADFB-43AD-A09D-95E8430E88EF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10974281" y="3916535"/>
              <a:ext cx="26416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fr-FR" sz="2000" spc="-12">
                  <a:solidFill>
                    <a:schemeClr val="dk2"/>
                  </a:solidFill>
                  <a:latin typeface="Calibri" panose="020F0502020204030204" pitchFamily="34" charset="0"/>
                </a:rPr>
                <a:t>Wed 22.Nov - Tue 28.Nov</a:t>
              </a:r>
              <a:endParaRPr lang="en-US" sz="2000" spc="-12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4" name="OTLSHAPE_T_a1a676fbd78545babb16ecc35d69518b_Title">
              <a:extLst>
                <a:ext uri="{FF2B5EF4-FFF2-40B4-BE49-F238E27FC236}">
                  <a16:creationId xmlns:a16="http://schemas.microsoft.com/office/drawing/2014/main" id="{64F649B6-7D4A-4966-91A6-B6DAF778FA9F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7296305" y="3901147"/>
              <a:ext cx="2362200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22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Confirmation period</a:t>
              </a:r>
            </a:p>
          </p:txBody>
        </p:sp>
        <p:sp>
          <p:nvSpPr>
            <p:cNvPr id="177" name="OTLSHAPE_T_cfe82d0cbb74492e9807beb8c9c7b909_JoinedDate">
              <a:extLst>
                <a:ext uri="{FF2B5EF4-FFF2-40B4-BE49-F238E27FC236}">
                  <a16:creationId xmlns:a16="http://schemas.microsoft.com/office/drawing/2014/main" id="{2511F381-5D6A-4590-A6FB-F80D66EA8577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15826331" y="4333771"/>
              <a:ext cx="12700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2000" spc="-16">
                  <a:solidFill>
                    <a:schemeClr val="dk2"/>
                  </a:solidFill>
                  <a:latin typeface="Calibri" panose="020F0502020204030204" pitchFamily="34" charset="0"/>
                </a:rPr>
                <a:t>Wed 29.Nov</a:t>
              </a:r>
            </a:p>
          </p:txBody>
        </p:sp>
        <p:sp>
          <p:nvSpPr>
            <p:cNvPr id="178" name="OTLSHAPE_T_cfe82d0cbb74492e9807beb8c9c7b909_Title">
              <a:extLst>
                <a:ext uri="{FF2B5EF4-FFF2-40B4-BE49-F238E27FC236}">
                  <a16:creationId xmlns:a16="http://schemas.microsoft.com/office/drawing/2014/main" id="{D025D36E-BC46-49C2-858F-94B5D2667530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17796451" y="4318383"/>
              <a:ext cx="6121400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22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Blog announcement of members for each committee</a:t>
              </a:r>
            </a:p>
          </p:txBody>
        </p:sp>
        <p:sp>
          <p:nvSpPr>
            <p:cNvPr id="201" name="OTLSHAPE_T_9a73e463353c4d2abb641342adde4731_JoinedDate">
              <a:extLst>
                <a:ext uri="{FF2B5EF4-FFF2-40B4-BE49-F238E27FC236}">
                  <a16:creationId xmlns:a16="http://schemas.microsoft.com/office/drawing/2014/main" id="{84C021E1-AD87-4CEF-84C8-4D7D2750F9C6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15315897" y="5092047"/>
              <a:ext cx="22860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nn-NO" sz="2000" spc="-4">
                  <a:solidFill>
                    <a:schemeClr val="dk2"/>
                  </a:solidFill>
                  <a:latin typeface="Calibri" panose="020F0502020204030204" pitchFamily="34" charset="0"/>
                </a:rPr>
                <a:t>Thu 30.Nov - Fri 8.Dec</a:t>
              </a:r>
              <a:endParaRPr lang="en-US" sz="2000" spc="-4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02" name="OTLSHAPE_T_9a73e463353c4d2abb641342adde4731_Title">
              <a:extLst>
                <a:ext uri="{FF2B5EF4-FFF2-40B4-BE49-F238E27FC236}">
                  <a16:creationId xmlns:a16="http://schemas.microsoft.com/office/drawing/2014/main" id="{DE798F9F-422A-45A5-A704-27FCD64D53AA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22297769" y="4738104"/>
              <a:ext cx="2082800" cy="101566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2200" b="1">
                  <a:solidFill>
                    <a:schemeClr val="dk1"/>
                  </a:solidFill>
                  <a:latin typeface="Calibri" panose="020F0502020204030204" pitchFamily="34" charset="0"/>
                </a:rPr>
                <a:t>Transition - Committee initial meetings</a:t>
              </a:r>
            </a:p>
          </p:txBody>
        </p:sp>
        <p:sp>
          <p:nvSpPr>
            <p:cNvPr id="17" name="OTLSHAPE_M_20eacbd689d84406a4004556d73d6d7a_Shape">
              <a:extLst>
                <a:ext uri="{FF2B5EF4-FFF2-40B4-BE49-F238E27FC236}">
                  <a16:creationId xmlns:a16="http://schemas.microsoft.com/office/drawing/2014/main" id="{2E4B1875-B84E-1A66-648A-1EFB1CC3089C}"/>
                </a:ext>
              </a:extLst>
            </p:cNvPr>
            <p:cNvSpPr/>
            <p:nvPr>
              <p:custDataLst>
                <p:tags r:id="rId63"/>
              </p:custDataLst>
            </p:nvPr>
          </p:nvSpPr>
          <p:spPr>
            <a:xfrm>
              <a:off x="2962009" y="6916576"/>
              <a:ext cx="457200" cy="508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20" name="OTLSHAPE_M_01b8733b055e407f8c4957c444840832_Shape">
              <a:extLst>
                <a:ext uri="{FF2B5EF4-FFF2-40B4-BE49-F238E27FC236}">
                  <a16:creationId xmlns:a16="http://schemas.microsoft.com/office/drawing/2014/main" id="{E3047288-8B3F-3919-79E1-9068DB44EE39}"/>
                </a:ext>
              </a:extLst>
            </p:cNvPr>
            <p:cNvSpPr/>
            <p:nvPr>
              <p:custDataLst>
                <p:tags r:id="rId64"/>
              </p:custDataLst>
            </p:nvPr>
          </p:nvSpPr>
          <p:spPr>
            <a:xfrm>
              <a:off x="14465373" y="6916576"/>
              <a:ext cx="457200" cy="508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600"/>
            </a:p>
          </p:txBody>
        </p:sp>
        <p:sp>
          <p:nvSpPr>
            <p:cNvPr id="15" name="OTLSHAPE_M_20eacbd689d84406a4004556d73d6d7a_Title">
              <a:extLst>
                <a:ext uri="{FF2B5EF4-FFF2-40B4-BE49-F238E27FC236}">
                  <a16:creationId xmlns:a16="http://schemas.microsoft.com/office/drawing/2014/main" id="{D8F8665E-21D6-6D70-B1E6-6EBF8DBE380B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994779" y="6165133"/>
              <a:ext cx="4394200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22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Mojaloop Community Meeting Begins</a:t>
              </a:r>
            </a:p>
          </p:txBody>
        </p:sp>
        <p:sp>
          <p:nvSpPr>
            <p:cNvPr id="16" name="OTLSHAPE_M_20eacbd689d84406a4004556d73d6d7a_Date">
              <a:extLst>
                <a:ext uri="{FF2B5EF4-FFF2-40B4-BE49-F238E27FC236}">
                  <a16:creationId xmlns:a16="http://schemas.microsoft.com/office/drawing/2014/main" id="{BFDE30D9-27FD-2AF0-CB90-787597111007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2852789" y="6556863"/>
              <a:ext cx="6858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2000" spc="-12">
                  <a:solidFill>
                    <a:schemeClr val="dk2"/>
                  </a:solidFill>
                  <a:latin typeface="Calibri" panose="020F0502020204030204" pitchFamily="34" charset="0"/>
                </a:rPr>
                <a:t>Oct 31</a:t>
              </a:r>
            </a:p>
          </p:txBody>
        </p:sp>
        <p:sp>
          <p:nvSpPr>
            <p:cNvPr id="18" name="OTLSHAPE_M_01b8733b055e407f8c4957c444840832_Title">
              <a:extLst>
                <a:ext uri="{FF2B5EF4-FFF2-40B4-BE49-F238E27FC236}">
                  <a16:creationId xmlns:a16="http://schemas.microsoft.com/office/drawing/2014/main" id="{CC57D284-2BBC-3812-25DD-5E76694E20E3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13282369" y="6165133"/>
              <a:ext cx="2844800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2200" b="1" spc="-12">
                  <a:solidFill>
                    <a:schemeClr val="dk1"/>
                  </a:solidFill>
                  <a:latin typeface="Calibri" panose="020F0502020204030204" pitchFamily="34" charset="0"/>
                </a:rPr>
                <a:t>Thanksgiving Holiday US</a:t>
              </a:r>
            </a:p>
          </p:txBody>
        </p:sp>
        <p:sp>
          <p:nvSpPr>
            <p:cNvPr id="19" name="OTLSHAPE_M_01b8733b055e407f8c4957c444840832_Date">
              <a:extLst>
                <a:ext uri="{FF2B5EF4-FFF2-40B4-BE49-F238E27FC236}">
                  <a16:creationId xmlns:a16="http://schemas.microsoft.com/office/drawing/2014/main" id="{230AC406-C5CF-AD04-5E31-37F8F2C71167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14330713" y="6556863"/>
              <a:ext cx="7366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2000" spc="-12">
                  <a:solidFill>
                    <a:schemeClr val="dk2"/>
                  </a:solidFill>
                  <a:latin typeface="Calibri" panose="020F0502020204030204" pitchFamily="34" charset="0"/>
                </a:rPr>
                <a:t>Nov 23</a:t>
              </a:r>
            </a:p>
          </p:txBody>
        </p:sp>
      </p:grpSp>
      <p:sp>
        <p:nvSpPr>
          <p:cNvPr id="22" name="Title 21">
            <a:extLst>
              <a:ext uri="{FF2B5EF4-FFF2-40B4-BE49-F238E27FC236}">
                <a16:creationId xmlns:a16="http://schemas.microsoft.com/office/drawing/2014/main" id="{D9190246-5B3E-32A0-A6CC-F10543E07A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87352" y="751522"/>
            <a:ext cx="22012469" cy="2651126"/>
          </a:xfrm>
        </p:spPr>
        <p:txBody>
          <a:bodyPr/>
          <a:lstStyle/>
          <a:p>
            <a:r>
              <a:rPr lang="en-KE" dirty="0"/>
              <a:t>2023 Community Governance Elec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794821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EF271325-5B6C-791A-1610-365D1DA1E10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95847" y="4203903"/>
            <a:ext cx="12286059" cy="4519609"/>
          </a:xfrm>
        </p:spPr>
        <p:txBody>
          <a:bodyPr anchor="b">
            <a:normAutofit/>
          </a:bodyPr>
          <a:lstStyle/>
          <a:p>
            <a:r>
              <a:rPr lang="en-KE" dirty="0"/>
              <a:t>Thank you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D6CE7822-3C54-6127-FFAC-C76B132B2C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695847" y="9308787"/>
            <a:ext cx="14344253" cy="2310326"/>
          </a:xfr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E41085-1EEA-45AC-B7F2-067609105C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7223443" y="12712701"/>
            <a:ext cx="5487114" cy="73025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20AF9D7A-5BEE-9245-944A-197F51D542D9}" type="slidenum">
              <a:rPr lang="en-US" smtClean="0"/>
              <a:pPr>
                <a:spcAft>
                  <a:spcPts val="600"/>
                </a:spcAft>
              </a:pPr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51313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679F73FD-75BE-687C-874C-61C9255C3A97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8241" t="1206" r="2936" b="15537"/>
          <a:stretch/>
        </p:blipFill>
        <p:spPr>
          <a:xfrm>
            <a:off x="-485445" y="1819107"/>
            <a:ext cx="24341329" cy="11545516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C505B007-F36B-DD08-455C-7FFBF0991C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76619" y="68475"/>
            <a:ext cx="21033938" cy="2222095"/>
          </a:xfrm>
        </p:spPr>
        <p:txBody>
          <a:bodyPr>
            <a:normAutofit/>
          </a:bodyPr>
          <a:lstStyle/>
          <a:p>
            <a:pPr algn="ctr"/>
            <a:r>
              <a:rPr lang="en-US" sz="9600" dirty="0"/>
              <a:t>The Mojaloop Ecosystem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F8764FE-0604-7489-5268-2C97C2F487E6}"/>
              </a:ext>
            </a:extLst>
          </p:cNvPr>
          <p:cNvSpPr txBox="1"/>
          <p:nvPr/>
        </p:nvSpPr>
        <p:spPr>
          <a:xfrm>
            <a:off x="761656" y="8963671"/>
            <a:ext cx="4738798" cy="186204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1500" b="1" dirty="0">
                <a:solidFill>
                  <a:schemeClr val="accent2"/>
                </a:solidFill>
              </a:rPr>
              <a:t>1,300+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FCF75DE2-C2C4-15F5-62CC-BEFECB8C8381}"/>
              </a:ext>
            </a:extLst>
          </p:cNvPr>
          <p:cNvSpPr txBox="1"/>
          <p:nvPr/>
        </p:nvSpPr>
        <p:spPr>
          <a:xfrm>
            <a:off x="1194008" y="10627414"/>
            <a:ext cx="3874093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 dirty="0">
                <a:solidFill>
                  <a:schemeClr val="accent2"/>
                </a:solidFill>
              </a:rPr>
              <a:t>Participants and growing!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36B0C9E-0755-92B4-4972-FD933138CD8C}"/>
              </a:ext>
            </a:extLst>
          </p:cNvPr>
          <p:cNvSpPr txBox="1"/>
          <p:nvPr/>
        </p:nvSpPr>
        <p:spPr>
          <a:xfrm>
            <a:off x="10036935" y="8963671"/>
            <a:ext cx="1005403" cy="186204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1500" b="1" dirty="0">
                <a:solidFill>
                  <a:schemeClr val="accent2"/>
                </a:solidFill>
              </a:rPr>
              <a:t>6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3765405-D080-4D4E-848B-3B0E80FD46A4}"/>
              </a:ext>
            </a:extLst>
          </p:cNvPr>
          <p:cNvSpPr txBox="1"/>
          <p:nvPr/>
        </p:nvSpPr>
        <p:spPr>
          <a:xfrm>
            <a:off x="9084304" y="10627414"/>
            <a:ext cx="291066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 dirty="0">
                <a:solidFill>
                  <a:schemeClr val="accent2"/>
                </a:solidFill>
              </a:rPr>
              <a:t>Continent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2B468D6-D116-BFBB-28A1-813F678F78DF}"/>
              </a:ext>
            </a:extLst>
          </p:cNvPr>
          <p:cNvSpPr txBox="1"/>
          <p:nvPr/>
        </p:nvSpPr>
        <p:spPr>
          <a:xfrm>
            <a:off x="16125604" y="8963671"/>
            <a:ext cx="1826142" cy="186204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1500" b="1" dirty="0">
                <a:solidFill>
                  <a:schemeClr val="accent2"/>
                </a:solidFill>
              </a:rPr>
              <a:t>81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5E7BD0D-3035-6541-3095-BE2083AC7B21}"/>
              </a:ext>
            </a:extLst>
          </p:cNvPr>
          <p:cNvSpPr txBox="1"/>
          <p:nvPr/>
        </p:nvSpPr>
        <p:spPr>
          <a:xfrm>
            <a:off x="15583341" y="10627414"/>
            <a:ext cx="291066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>
                <a:solidFill>
                  <a:schemeClr val="accent2"/>
                </a:solidFill>
              </a:rPr>
              <a:t>Countrie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03FF785-972B-3A4F-FC41-D865BC01AF88}"/>
              </a:ext>
            </a:extLst>
          </p:cNvPr>
          <p:cNvSpPr txBox="1"/>
          <p:nvPr/>
        </p:nvSpPr>
        <p:spPr>
          <a:xfrm>
            <a:off x="21132795" y="12893160"/>
            <a:ext cx="223651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As of June 30, 2023</a:t>
            </a:r>
            <a:endParaRPr lang="x-none" dirty="0"/>
          </a:p>
        </p:txBody>
      </p:sp>
    </p:spTree>
    <p:extLst>
      <p:ext uri="{BB962C8B-B14F-4D97-AF65-F5344CB8AC3E}">
        <p14:creationId xmlns:p14="http://schemas.microsoft.com/office/powerpoint/2010/main" val="749365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E9E237E-4A30-6E11-0BB3-C91437F0FA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KE" dirty="0"/>
              <a:t>Agenda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E6AF752-FEBC-0876-2853-D6702C36018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lnSpc>
                <a:spcPct val="200000"/>
              </a:lnSpc>
              <a:buNone/>
            </a:pPr>
            <a:r>
              <a:rPr lang="en-KE" dirty="0"/>
              <a:t>Product Council Governance</a:t>
            </a:r>
          </a:p>
          <a:p>
            <a:pPr marL="0" indent="0">
              <a:lnSpc>
                <a:spcPct val="200000"/>
              </a:lnSpc>
              <a:buNone/>
            </a:pPr>
            <a:r>
              <a:rPr lang="en-KE" dirty="0"/>
              <a:t>Mojaloop Community Survey</a:t>
            </a:r>
          </a:p>
          <a:p>
            <a:pPr marL="0" indent="0">
              <a:lnSpc>
                <a:spcPct val="200000"/>
              </a:lnSpc>
              <a:buNone/>
            </a:pPr>
            <a:r>
              <a:rPr lang="en-KE" dirty="0"/>
              <a:t>Community Sync</a:t>
            </a:r>
          </a:p>
          <a:p>
            <a:pPr marL="0" indent="0">
              <a:lnSpc>
                <a:spcPct val="200000"/>
              </a:lnSpc>
              <a:buNone/>
            </a:pPr>
            <a:r>
              <a:rPr lang="en-KE" dirty="0"/>
              <a:t>2023 Community Governance Election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65508F0-1C42-FFD6-25B4-9551CA00A5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68428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41D4FE7-D297-836B-5D26-1428B3FC6FF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KE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33E4FB1-430E-4502-4653-057236E599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4</a:t>
            </a:fld>
            <a:endParaRPr lang="en-US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1D79D693-E100-24A8-8294-808222A252E6}"/>
              </a:ext>
            </a:extLst>
          </p:cNvPr>
          <p:cNvSpPr txBox="1">
            <a:spLocks/>
          </p:cNvSpPr>
          <p:nvPr/>
        </p:nvSpPr>
        <p:spPr>
          <a:xfrm>
            <a:off x="1689320" y="3473453"/>
            <a:ext cx="21033938" cy="570547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1828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12000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KE" dirty="0"/>
              <a:t>Product Council Governance</a:t>
            </a:r>
          </a:p>
        </p:txBody>
      </p:sp>
    </p:spTree>
    <p:extLst>
      <p:ext uri="{BB962C8B-B14F-4D97-AF65-F5344CB8AC3E}">
        <p14:creationId xmlns:p14="http://schemas.microsoft.com/office/powerpoint/2010/main" val="131324173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FFECE8-8819-4FE3-F64D-7B79AEE721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76619" y="36511"/>
            <a:ext cx="21033938" cy="2651126"/>
          </a:xfrm>
        </p:spPr>
        <p:txBody>
          <a:bodyPr anchor="ctr">
            <a:normAutofit/>
          </a:bodyPr>
          <a:lstStyle/>
          <a:p>
            <a:pPr algn="ctr"/>
            <a:r>
              <a:rPr lang="en-KE" dirty="0"/>
              <a:t>Product Council Governance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1D5A2581-D39D-90FD-82B7-4DB15F7CAF8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2346008" y="2687637"/>
            <a:ext cx="11366047" cy="9666289"/>
          </a:xfrm>
        </p:spPr>
        <p:txBody>
          <a:bodyPr>
            <a:normAutofit fontScale="92500"/>
          </a:bodyPr>
          <a:lstStyle/>
          <a:p>
            <a:pPr>
              <a:lnSpc>
                <a:spcPct val="120000"/>
              </a:lnSpc>
            </a:pPr>
            <a:r>
              <a:rPr lang="en-US" sz="2800" b="1" dirty="0"/>
              <a:t>Product Requirements</a:t>
            </a:r>
            <a:r>
              <a:rPr lang="en-US" sz="2800" dirty="0"/>
              <a:t>: Any community member can submit product requirements to the Product Council for consideration.</a:t>
            </a:r>
          </a:p>
          <a:p>
            <a:pPr>
              <a:lnSpc>
                <a:spcPct val="120000"/>
              </a:lnSpc>
            </a:pPr>
            <a:r>
              <a:rPr lang="en-US" sz="2800" b="1" dirty="0"/>
              <a:t>Candidate Workstreams</a:t>
            </a:r>
            <a:r>
              <a:rPr lang="en-US" sz="2800" dirty="0"/>
              <a:t>: The Product Council, in its weekly meetings, will discuss submitted product requirements and either agree or decide against converting them into candidate workstreams.</a:t>
            </a:r>
          </a:p>
          <a:p>
            <a:pPr>
              <a:lnSpc>
                <a:spcPct val="120000"/>
              </a:lnSpc>
            </a:pPr>
            <a:r>
              <a:rPr lang="en-GB" sz="2800" b="1" dirty="0"/>
              <a:t>Workstream Approval</a:t>
            </a:r>
            <a:r>
              <a:rPr lang="en-GB" sz="2800" dirty="0"/>
              <a:t>: Three times a year, during the community convenings the community will "</a:t>
            </a:r>
            <a:r>
              <a:rPr lang="en-GB" sz="2800" i="1" dirty="0"/>
              <a:t>vote with their feet</a:t>
            </a:r>
            <a:r>
              <a:rPr lang="en-GB" sz="2800" dirty="0"/>
              <a:t>" to select which candidate workstreams will become official workstreams for the upcoming PI.</a:t>
            </a:r>
          </a:p>
          <a:p>
            <a:pPr lvl="1">
              <a:lnSpc>
                <a:spcPct val="120000"/>
              </a:lnSpc>
            </a:pPr>
            <a:r>
              <a:rPr lang="en-GB" sz="2800" dirty="0"/>
              <a:t>For a candidate workstream to become an official workstream, it must garner the active commitment of at least three community members, including a designated workstream lead. These members commit to contributing to the workstream throughout the entire PI.</a:t>
            </a:r>
          </a:p>
          <a:p>
            <a:pPr>
              <a:lnSpc>
                <a:spcPct val="120000"/>
              </a:lnSpc>
            </a:pPr>
            <a:r>
              <a:rPr lang="en-GB" sz="2800" b="1" dirty="0"/>
              <a:t>Roadmap Updates</a:t>
            </a:r>
            <a:r>
              <a:rPr lang="en-GB" sz="2800" dirty="0"/>
              <a:t>: At the start of a new PI, the roadmap will be updated to reflect the workstreams approved for that Program Increment, along with any other significant decisions or changes that impact the product's development trajectory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605DCD8-5C2D-8291-779A-89D868078C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7223443" y="12712701"/>
            <a:ext cx="5487114" cy="73025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20AF9D7A-5BEE-9245-944A-197F51D542D9}" type="slidenum">
              <a:rPr lang="en-US" smtClean="0"/>
              <a:pPr>
                <a:spcAft>
                  <a:spcPts val="600"/>
                </a:spcAft>
              </a:pPr>
              <a:t>5</a:t>
            </a:fld>
            <a:endParaRPr lang="en-US"/>
          </a:p>
        </p:txBody>
      </p:sp>
      <p:graphicFrame>
        <p:nvGraphicFramePr>
          <p:cNvPr id="6" name="Content Placeholder 2">
            <a:extLst>
              <a:ext uri="{FF2B5EF4-FFF2-40B4-BE49-F238E27FC236}">
                <a16:creationId xmlns:a16="http://schemas.microsoft.com/office/drawing/2014/main" id="{182B961F-5EE0-9A70-9239-C1E48569017F}"/>
              </a:ext>
            </a:extLst>
          </p:cNvPr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2477438656"/>
              </p:ext>
            </p:extLst>
          </p:nvPr>
        </p:nvGraphicFramePr>
        <p:xfrm>
          <a:off x="1267692" y="2687637"/>
          <a:ext cx="10773476" cy="96662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17481341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C7DBC6-D922-93D5-9DA9-8BFC7F240B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b">
            <a:normAutofit/>
          </a:bodyPr>
          <a:lstStyle/>
          <a:p>
            <a:r>
              <a:rPr lang="en-KE" dirty="0"/>
              <a:t>Product Council Governanc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A4EB038-221A-AFC3-6918-DFADE873E08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KE" b="1" dirty="0"/>
              <a:t>Vote to adopt</a:t>
            </a:r>
            <a:r>
              <a:rPr lang="en-KE" dirty="0"/>
              <a:t>: Friday November 3rd, 2023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20F6A51-BEB4-A74D-2E2D-2B8397282E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20AF9D7A-5BEE-9245-944A-197F51D542D9}" type="slidenum">
              <a:rPr lang="en-US" smtClean="0"/>
              <a:pPr>
                <a:spcAft>
                  <a:spcPts val="600"/>
                </a:spcAft>
              </a:pPr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762782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41D4FE7-D297-836B-5D26-1428B3FC6FF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KE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33E4FB1-430E-4502-4653-057236E599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7</a:t>
            </a:fld>
            <a:endParaRPr lang="en-US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1D79D693-E100-24A8-8294-808222A252E6}"/>
              </a:ext>
            </a:extLst>
          </p:cNvPr>
          <p:cNvSpPr txBox="1">
            <a:spLocks/>
          </p:cNvSpPr>
          <p:nvPr/>
        </p:nvSpPr>
        <p:spPr>
          <a:xfrm>
            <a:off x="1689320" y="3473453"/>
            <a:ext cx="21033938" cy="570547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1828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12000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KE" dirty="0"/>
              <a:t>Mojaloop Community Survey</a:t>
            </a:r>
          </a:p>
        </p:txBody>
      </p:sp>
    </p:spTree>
    <p:extLst>
      <p:ext uri="{BB962C8B-B14F-4D97-AF65-F5344CB8AC3E}">
        <p14:creationId xmlns:p14="http://schemas.microsoft.com/office/powerpoint/2010/main" val="284478661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C4CF96-3F55-4B76-924E-AC77121F07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unity Surve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74C0CF3-5874-49E7-8720-1C8E4CF9765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381377"/>
            <a:ext cx="21033938" cy="8702676"/>
          </a:xfrm>
        </p:spPr>
        <p:txBody>
          <a:bodyPr>
            <a:normAutofit/>
          </a:bodyPr>
          <a:lstStyle/>
          <a:p>
            <a:pPr>
              <a:lnSpc>
                <a:spcPct val="210000"/>
              </a:lnSpc>
            </a:pPr>
            <a:r>
              <a:rPr lang="en-GB" sz="4000" b="0" i="0" u="none" strike="noStrike" dirty="0">
                <a:effectLst/>
              </a:rPr>
              <a:t>After consideration by the Community Council (</a:t>
            </a:r>
            <a:r>
              <a:rPr lang="en-GB" sz="4000" b="0" i="0" u="none" strike="noStrike" dirty="0" err="1">
                <a:effectLst/>
              </a:rPr>
              <a:t>CoCo</a:t>
            </a:r>
            <a:r>
              <a:rPr lang="en-GB" sz="4000" b="0" i="0" u="none" strike="noStrike" dirty="0">
                <a:effectLst/>
              </a:rPr>
              <a:t>), we’re reopening the Mojaloop Community Annual Survey </a:t>
            </a:r>
          </a:p>
          <a:p>
            <a:pPr>
              <a:lnSpc>
                <a:spcPct val="210000"/>
              </a:lnSpc>
            </a:pPr>
            <a:r>
              <a:rPr lang="en-US" sz="4000" dirty="0"/>
              <a:t>The survey includes three sections of questions and will take approximately 10-20 minutes to complete.</a:t>
            </a:r>
          </a:p>
          <a:p>
            <a:pPr>
              <a:lnSpc>
                <a:spcPct val="210000"/>
              </a:lnSpc>
            </a:pPr>
            <a:r>
              <a:rPr lang="en-US" sz="4000" dirty="0"/>
              <a:t>The survey will remain open until Friday, November 24, 2023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744308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41D4FE7-D297-836B-5D26-1428B3FC6FF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KE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33E4FB1-430E-4502-4653-057236E599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9</a:t>
            </a:fld>
            <a:endParaRPr lang="en-US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1D79D693-E100-24A8-8294-808222A252E6}"/>
              </a:ext>
            </a:extLst>
          </p:cNvPr>
          <p:cNvSpPr txBox="1">
            <a:spLocks/>
          </p:cNvSpPr>
          <p:nvPr/>
        </p:nvSpPr>
        <p:spPr>
          <a:xfrm>
            <a:off x="1689320" y="3473453"/>
            <a:ext cx="21033938" cy="570547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1828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12000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KE" dirty="0"/>
              <a:t>Mojaloop Community</a:t>
            </a:r>
          </a:p>
          <a:p>
            <a:r>
              <a:rPr lang="en-KE" dirty="0"/>
              <a:t>Sync</a:t>
            </a:r>
          </a:p>
        </p:txBody>
      </p:sp>
    </p:spTree>
    <p:extLst>
      <p:ext uri="{BB962C8B-B14F-4D97-AF65-F5344CB8AC3E}">
        <p14:creationId xmlns:p14="http://schemas.microsoft.com/office/powerpoint/2010/main" val="33806562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pudWxsLCJFZGl0aW9uIjoiUHJvIiwiTGFzdFNhdmVkRWRpdGlvbiI6MiwiSXNQbHVzRWRpdGlvbiI6dHJ1ZSwiSXNQcm9FZGl0aW9uIjp0cnV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xMCwiU2hhcGVTdHlsZSI6eyIkaWQiOiIyNiIsIk1hcmdpbiI6eyIkaWQiOiIyNyIsIlRvcCI6MC4wLCJMZWZ0IjoxMC4wLCJSaWdodCI6MTAuMCwiQm90dG9tIjowLjB9LCJQYWRkaW5nIjp7IiRpZCI6IjI4IiwiVG9wIjozLjAsIkxlZnQiOjAuMCwiUmlnaHQiOjAuMCwiQm90dG9tIjozLjB9LCJCYWNrZ3JvdW5kIjp7IiRpZCI6IjI5IiwiQ29sb3IiOnsiJGlkIjoiMzAiLCJBIjoyNTUsIlIiOjExMSwiRyI6NDksIkIiOjE1Mn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yZWYiOiI0MyJ9fSwiSXNWaXNpYmxlIjp0cnVlLCJXaWR0aCI6MC4wLCJIZWlnaHQiOjAuMCwiQm9yZGVyU3R5bGUiOm51bGwsIlBhcmVudFN0eWxlIjpudWxsfSwiRGF0ZVN0eWxlIjp7IiRpZCI6IjEwMiIsIkZvbnRTZXR0aW5ncyI6eyIkaWQiOiIxMDMiLCJGb250U2l6ZSI6MTAsIkZvbnROYW1lIjoiQ2FsaWJyaSIsIklzQm9sZCI6ZmFsc2UsIklzSXRhbGljIjpmYWxzZSwiSXNVbmRlcmxpbmVkIjpmYWxzZSwiUGFyZW50U3R5bGUiOm51bGx9LCJBdXRvU2l6ZSI6MCwiRm9yZWdyb3VuZCI6eyIkaWQiOiIxMDQiLCJDb2xvciI6eyIkaWQiOiIx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iIsIlRvcCI6MC4wLCJMZWZ0IjowLjAsIlJpZ2h0IjowLjAsIkJvdHRvbSI6MC4wfSwiUGFkZGluZyI6eyIkaWQiOiIxMDciLCJUb3AiOjAuMCwiTGVmdCI6MC4wLCJSaWdodCI6MC4wLCJCb3R0b20iOjAuMH0sIkJhY2tncm91bmQiOnsiJGlkIjoiMTA4IiwiQ29sb3IiOnsiJHJlZiI6IjQzIn19LCJJc1Zpc2libGUiOnRydWUsIldpZHRoIjowLjAsIkhlaWdodCI6MC4wLCJCb3JkZXJTdHlsZSI6bnVsbCwiUGFyZW50U3R5bGUiOm51bGx9LCJEYXRlRm9ybWF0Ijp7IiRpZCI6IjE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YiLCJUb3AiOjAuMCwiTGVmdCI6MC4wLCJSaWdodCI6MC4wLCJCb3R0b20iOjAuMH0sIlBhZGRpbmciOnsiJGlkIjoiMTE3IiwiVG9wIjowLjAsIkxlZnQiOjAuMCwiUmlnaHQiOjAuMCwiQm90dG9tIjowLjB9LCJCYWNrZ3JvdW5kIjp7IiRpZCI6IjExOCIsIkNvbG9yIjp7IiRyZWYiOiI0MyJ9fSwiSXNWaXNpYmxlIjp0cnVlLCJXaWR0aCI6MC4wLCJIZWlnaHQiOjAuMCwiQm9yZGVyU3R5bGUiOm51bGwsIlBhcmVudFN0eWxlIjpudWxsfSwiRHVyYXRpb25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yZWYiOiI0MyJ9fSwiSXNWaXNpYmxlIjp0cnVlLCJXaWR0aCI6MC4wLCJIZWlnaHQiOjAuMCwiQm9yZGVyU3R5bGUiOm51bGw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aWQiOiIxN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1MSIsIlRvcCI6MC4wLCJMZWZ0IjowLjAsIlJpZ2h0IjowLjAsIkJvdHRvbSI6MC4wfSwiUGFkZGluZyI6eyIkaWQiOiIxNTIiLCJUb3AiOjAuMCwiTGVmdCI6MC4wLCJSaWdodCI6MC4wLCJCb3R0b20iOjAuMH0sIkJhY2tncm91bmQiOnsiJGlkIjoiMTUzIiwiQ29sb3IiOnsiJHJlZiI6IjQzIn19LCJJc1Zpc2libGUiOnRydWUsIldpZHRoIjowLjAsIkhlaWdodCI6MC4wLCJCb3JkZXJTdHlsZSI6bnVsbCwiUGFyZW50U3R5bGUiOm51bGx9LCJEYXRlRm9ybWF0Ijp7IiRpZCI6IjE1NCIsIkZvcm1hdFN0cmluZyI6ImRkZCBkL0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NTUiLCJGb3JtYXQiOjAsIklzVmlzaWJsZSI6ZmFsc2UsIkxhc3RLbm93blZpc2liaWxpdHlTdGF0ZSI6ZmFsc2V9LCJJc1Zpc2libGUiOnRydWUsIlBhcmVudFN0eWxlIjpudWxsLCJfZXhwbGljaXRseVNldCI6eyIkaWQiOiIxN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U3IiwiVGl0bGVQb3NpdGlvbiI6IlJpZ2h0IiwiRGF0ZVBvc2l0aW9uIjoiTGVmdCIsIlNoYXBlVHlwZSI6MiwiU2hhcGVTaXplIjoxLCJTcGFjaW5nIjo1LCJTaGFwZV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I1NSwiUiI6MCwiRyI6MTE0LCJCIjoxODh9fSwiSXNWaXNpYmxlIjp0cnVlLCJXaWR0aCI6MTMuMCwiSGVpZ2h0IjoxMy4wLCJCb3JkZXJTdHlsZSI6eyIkaWQiOiIxNjMiLCJMaW5lQ29sb3IiOnsiJGlkIjoiMTY0IiwiJHR5cGUiOiJOTFJFLkNvbW1vbi5Eb20uU29saWRDb2xvckJydXNoLCBOTFJFLkNvbW1vbiIsIkNvbG9yIjp7IiRpZCI6IjE2NSIsIkEiOjI1NSwiUiI6MjU1LCJHIjowLCJCIjowfX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wLCJGb3JlZ3JvdW5kIjp7IiRpZCI6IjE2OCIsIkNvbG9yIjp7IiRpZCI6IjE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AiLCJUb3AiOjAuMCwiTGVmdCI6MC4wLCJSaWdodCI6MC4wLCJCb3R0b20iOjAuMH0sIlBhZGRpbmciOnsiJGlkIjoiMTcxIiwiVG9wIjowLjAsIkxlZnQiOjAuMCwiUmlnaHQiOjAuMCwiQm90dG9tIjowLjB9LCJCYWNrZ3JvdW5kIjp7IiRpZCI6IjE3MiIsIkNvbG9yIjp7IiRpZCI6IjE3MyIsIkEiOjg5LCJSIjowLCJHIjowLCJCIjowfX0sIklzVmlzaWJsZSI6dHJ1ZSwiV2lkdGgiOjAuMCwiSGVpZ2h0IjowLjAsIkJvcmRlclN0eWxlIjpudWxs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GlkIjoiMTc2IiwiQ29sb3IiOnsiJGlkIjoiMT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giLCJUb3AiOjAuMCwiTGVmdCI6MC4wLCJSaWdodCI6MC4wLCJCb3R0b20iOjAuMH0sIlBhZGRpbmciOnsiJGlkIjoiMTc5IiwiVG9wIjowLjAsIkxlZnQiOjAuMCwiUmlnaHQiOjAuMCwiQm90dG9tIjowLjB9LCJCYWNrZ3JvdW5kIjp7IiRpZCI6IjE4MCIsIkNvbG9yIjp7IiRpZCI6IjE4MSIsIkEiOjg5LCJSIjowLCJHIjowLCJCIjowfX0sIklzVmlzaWJsZSI6dHJ1ZSwiV2lkdGgiOjAuMCwiSGVpZ2h0IjowLjAsIkJvcmRlclN0eWxlIjpudWxsLCJQYXJlbnRTdHlsZSI6bnVsbH0sIkRhdGVGb3JtYXQiOnsiJGlkIjoiM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HJlZiI6IjEwMSJ9LCJJc1Zpc2libGUiOnRydWUsIldpZHRoIjowLjAsIkhlaWdodCI6MC4wLCJCb3JkZXJTdHlsZSI6eyIkaWQiOiIyNzEiLCJMaW5lQ29sb3IiOm51bGwsIkxpbmVXZWlnaHQiOjAuMCwiTGluZVR5cGUiOjAsIlBhcmVudFN0eWxlIjpudWxsfSwiUGFyZW50U3R5bGUiOm51bGx9LCJEYXRlU3R5bGUiOnsiJGlkIjoiMjcyIiwiRm9udFNldHRpbmdzIjp7IiRpZCI6IjI3MyIsIkZvbnRTaXplIjoxMCwiRm9udE5hbWUiOiJDYWxpYnJpIiwiSXNCb2xkIjpmYWxzZSwiSXNJdGFsaWMiOmZhbHNlLCJJc1VuZGVybGluZWQiOmZhbHNlLCJQYXJlbnRTdHlsZSI6bnVsbH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HJlZiI6IjEwMSJ9LCJJc1Zpc2libGUiOnRydWUsIldpZHRoIjowLjAsIkhlaWdodCI6MC4wLCJCb3JkZXJTdHlsZSI6eyIkaWQiOiIyODciLCJMaW5lQ29sb3IiOm51bGwsIkxpbmVXZWlnaHQiOjAuMCwiTGluZVR5cGUiOjAsIlBhcmVudFN0eWxlIjpudWxsfSwiUGFyZW50U3R5bGUiOm51bGx9LCJEYXRlU3R5bGUiOnsiJGlkIjoiMjg4IiwiRm9udFNldHRpbmdzIjp7IiRpZCI6IjI4OSIsIkZvbnRTaXplIjoxMCwiRm9udE5hbWUiOiJDYWxpYnJpIiwiSXNCb2xkIjpmYWxzZSwiSXNJdGFsaWMiOmZhbHNlLCJJc1VuZGVybGluZWQiOmZhbHNlLCJQYXJlbnRTdHlsZSI6bnVsbH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m51bGx9LCJBdXRvU2l6ZSI6MCwiRm9yZWdyb3VuZCI6eyIkaWQiOiIyOTgiLCJDb2xvciI6eyIkaWQiOiIyOTk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cmVmIjoiMTI1In0sIklzVmlzaWJsZSI6dHJ1ZSwiV2lkdGgiOjAuMCwiSGVpZ2h0IjowLjAsIkJvcmRlclN0eWxlIjp7IiRpZCI6IjMwOCIsIkxpbmVDb2xvciI6bnVsbCwiTGluZVdlaWdodCI6MC4wLCJMaW5lVHlwZSI6MCwiUGFyZW50U3R5bGUiOm51bGx9LCJQYXJlbnRTdHlsZSI6bnVsbH0sIkhvcml6b250YWxDb25uZWN0b3JTdHlsZSI6eyIkaWQiOiIzMDkiLCJMaW5lQ29sb3IiOnsiJHJlZiI6IjEyNyJ9LCJMaW5lV2VpZ2h0IjoxLjAsIkxpbmVUeXBlIjowLCJQYXJlbnRTdHlsZSI6bnVsbH0sIlZlcnRpY2FsQ29ubmVjdG9yU3R5bGUiOnsiJGlkIjoiMzEwIiwiTGluZUNvbG9yIjp7IiRyZWYiOiIxMzA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yZWYiOiIxMTg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zOTEiLCJNYXJnaW4iOnsiJGlkIjoiMzkyIiwiVG9wIjowLjAsIkxlZnQiOjQuMCwiUmlnaHQiOjQuMCwiQm90dG9tIjowLjB9LCJQYWRkaW5nIjp7IiRpZCI6IjM5MyIsIlRvcCI6MC4wLCJMZWZ0IjowLjAsIlJpZ2h0IjowLjAsIkJvdHRvbSI6MC4wfSwiQmFja2dyb3VuZCI6eyIkaWQiOiIzOTQiLCJDb2xvciI6eyIkaWQiOiIzOTUiLCJBIjoyNTUsIlIiOjIzNywiRyI6MTI1LCJCIjo0OX19LCJJc1Zpc2libGUiOnRydWUsIldpZHRoIjoxMzguMCwiSGVpZ2h0IjoxMC4wLCJCb3JkZXJTdHlsZSI6eyIkaWQiOiIzOTYiLCJMaW5lQ29sb3IiOnsiJHJlZiI6IjEzOCJ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aWQiOiI0MD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0OCIsIlRvcCI6MC4wLCJMZWZ0IjowLjAsIlJpZ2h0IjowLjAsIkJvdHRvbSI6MC4wfSwiUGFkZGluZyI6eyIkaWQiOiI0NDkiLCJUb3AiOjAuMCwiTGVmdCI6MC4wLCJSaWdodCI6MC4wLCJCb3R0b20iOjAuMH0sIkJhY2tncm91bmQiOnsiJHJlZiI6IjE1MyJ9LCJJc1Zpc2libGUiOnRydWUsIldpZHRoIjowLjAsIkhlaWdodCI6MC4wLCJCb3JkZXJTdHlsZSI6eyIkaWQiOiI0NTAiLCJMaW5lQ29sb3IiOm51bGwsIkxpbmVXZWlnaHQiOjAuMCwiTGluZVR5cGUiOjAsIlBhcmVudFN0eWxlIjpudWxsfSwiUGFyZW50U3R5bGUiOm51bGx9LCJEYXRlRm9ybWF0Ijp7IiRpZCI6IjQ1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iJ9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I1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EyNyJ9LCJMaW5lV2VpZ2h0IjoxLjAsIkxpbmVUeXBlIjowLCJQYXJlbnRTdHlsZSI6bnVsbH0sIlZlcnRpY2FsQ29ubmVjdG9yU3R5bGUiOnsiJGlkIjoiNDcwIiwiTGluZUNvbG9yIjp7IiRyZWYiOiIxMz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4MSIsIlRvcCI6MC4wLCJMZWZ0IjowLjAsIlJpZ2h0IjowLjAsIkJvdHRvbSI6MC4wfSwiUGFkZGluZyI6eyIkaWQiOiI0ODIiLCJUb3AiOjAuMCwiTGVmdCI6MC4wLCJSaWdodCI6MC4wLCJCb3R0b20iOjAuMH0sIkJhY2tncm91bmQiOnsiJHJlZiI6IjE0Ni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yOCIsIlRvcCI6MC4wLCJMZWZ0IjowLjAsIlJpZ2h0IjowLjAsIkJvdHRvbSI6MC4wfSwiUGFkZGluZyI6eyIkaWQiOiI1MjkiLCJUb3AiOjAuMCwiTGVmdCI6MC4wLCJSaWdodCI6MC4wLCJCb3R0b20iOjAuMH0sIkJhY2tncm91bmQiOnsiJHJlZiI6IjE1MyJ9LCJJc1Zpc2libGUiOnRydWUsIldpZHRoIjowLjAsIkhlaWdodCI6MC4wLCJCb3JkZXJTdHlsZSI6eyIkaWQiOiI1MzAiLCJMaW5lQ29sb3IiOm51bGwsIkxpbmVXZWlnaHQiOjAuMCwiTGluZVR5cGUiOjAsIlBhcmVudFN0eWxlIjpudWxsfSwiUGFyZW50U3R5bGUiOm51bGx9LCJEYXRlRm9ybWF0Ijp7IiRpZCI6IjUz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QzpcXFVzZXJzXFxtY2Fubm9uXFxPbmVEcml2ZSAtIFZpcnR1YWwsIEluY1xcTW9qYWxvb3BcXE1vamFsb29wLUNTLU9uZ29pbmcgT3BlcmF0aW9ucyAoZXhwb3J0KS54bHMiLCJUaW1lQ29uZmlndXJhdGlvbiI6eyIkaWQiOiI1Mzg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UzO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/dd"/>
  <p:tag name="OTLTIMEBANDSCALETYPE" val="Weeks"/>
  <p:tag name="OTLTIMEBANDSHAPETYPE" val="RoundedCornerRectangleTimeband"/>
  <p:tag name="OTLTIMEBANDSHAPEHEIGHT" val="20"/>
  <p:tag name="OTLTIMEBANDSHAPEPADDINGLEFT" val="0"/>
  <p:tag name="OTLTIMEBANDENDDATE" val="2023-12-15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d.MMM"/>
  <p:tag name="OTLDATEFORMATSEPARATOR" val=".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3-11-08T23:59:00.0000000Z"/>
  <p:tag name="OTLSTARTDATE" val="2023-11-01T00:00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d.MMM"/>
  <p:tag name="OTLDATEFORMATSEPARATOR" val=".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3-11-14T23:59:00.0000000Z"/>
  <p:tag name="OTLSTARTDATE" val="2023-11-01T00:00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d.MMM"/>
  <p:tag name="OTLDATEFORMATSEPARATOR" val=".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11-15T00:00:00.0000000Z"/>
  <p:tag name="OTLENDDATE" val="2023-11-21T23:59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d.MMM"/>
  <p:tag name="OTLDATEFORMATSEPARATOR" val=".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3-11-28T23:59:00.0000000Z"/>
  <p:tag name="OTLSTARTDATE" val="2023-11-22T00:00:00.0000000Z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d.MMM"/>
  <p:tag name="OTLDATEFORMATSEPARATOR" val=".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11-29T00:00:00.0000000Z"/>
  <p:tag name="OTLENDDATE" val="2023-11-29T23:59:00.0000000Z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d.MMM"/>
  <p:tag name="OTLDATEFORMATSEPARATOR" val=".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3-12-08T23:59:00.0000000Z"/>
  <p:tag name="OTLSTARTDATE" val="2023-11-30T00:00:00.0000000Z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jaloop Community Meeting Begins"/>
  <p:tag name="OTLPOSITIONONTASK" val="None"/>
  <p:tag name="OTLRELATEDTASKID" val="00000000-0000-0000-0000-000000000000"/>
  <p:tag name="OTLDATE" val="2023-10-31T23:59:00.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anksgiving Holiday US"/>
  <p:tag name="OTLDATE" val="2023-11-23T23:59:00.0000000"/>
  <p:tag name="OTLPOSITIONONTASK" val="None"/>
  <p:tag name="OTLRELATEDTASKID" val="00000000-0000-0000-0000-00000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ojaloop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00A3FF"/>
      </a:accent1>
      <a:accent2>
        <a:srgbClr val="FC440F"/>
      </a:accent2>
      <a:accent3>
        <a:srgbClr val="0010BE"/>
      </a:accent3>
      <a:accent4>
        <a:srgbClr val="FDE74C"/>
      </a:accent4>
      <a:accent5>
        <a:srgbClr val="00DFB1"/>
      </a:accent5>
      <a:accent6>
        <a:srgbClr val="BE0098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Mojaloop Convening PPT Template" id="{770E7BD7-B5CA-4647-AFDE-B5EA0D6E4CBF}" vid="{560F33F1-B698-7743-B465-09DC4CBDE224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8AAC203550B4E40A8ED4C6A11385C01" ma:contentTypeVersion="11" ma:contentTypeDescription="Create a new document." ma:contentTypeScope="" ma:versionID="181c61fe5df22d1f59c38d74292c5168">
  <xsd:schema xmlns:xsd="http://www.w3.org/2001/XMLSchema" xmlns:xs="http://www.w3.org/2001/XMLSchema" xmlns:p="http://schemas.microsoft.com/office/2006/metadata/properties" xmlns:ns2="af12d3ca-d309-4d9b-872e-f669d895b06e" xmlns:ns3="6354f033-77ec-451f-a4b1-89785309665d" targetNamespace="http://schemas.microsoft.com/office/2006/metadata/properties" ma:root="true" ma:fieldsID="bd40b66ef5728273303597190f92243d" ns2:_="" ns3:_="">
    <xsd:import namespace="af12d3ca-d309-4d9b-872e-f669d895b06e"/>
    <xsd:import namespace="6354f033-77ec-451f-a4b1-89785309665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f12d3ca-d309-4d9b-872e-f669d895b06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354f033-77ec-451f-a4b1-89785309665d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3EE3664A-EA3C-4E18-894D-9B94C9B30BD7}">
  <ds:schemaRefs>
    <ds:schemaRef ds:uri="6354f033-77ec-451f-a4b1-89785309665d"/>
    <ds:schemaRef ds:uri="af12d3ca-d309-4d9b-872e-f669d895b06e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C1D56013-FFA3-4AA5-BFCF-7C4A0141612A}">
  <ds:schemaRefs>
    <ds:schemaRef ds:uri="http://schemas.microsoft.com/office/2006/metadata/properties"/>
    <ds:schemaRef ds:uri="http://www.w3.org/XML/1998/namespace"/>
    <ds:schemaRef ds:uri="af12d3ca-d309-4d9b-872e-f669d895b06e"/>
    <ds:schemaRef ds:uri="http://purl.org/dc/elements/1.1/"/>
    <ds:schemaRef ds:uri="http://purl.org/dc/dcmitype/"/>
    <ds:schemaRef ds:uri="http://purl.org/dc/terms/"/>
    <ds:schemaRef ds:uri="http://schemas.microsoft.com/office/2006/documentManagement/types"/>
    <ds:schemaRef ds:uri="http://schemas.openxmlformats.org/package/2006/metadata/core-properties"/>
    <ds:schemaRef ds:uri="http://schemas.microsoft.com/office/infopath/2007/PartnerControls"/>
    <ds:schemaRef ds:uri="6354f033-77ec-451f-a4b1-89785309665d"/>
  </ds:schemaRefs>
</ds:datastoreItem>
</file>

<file path=customXml/itemProps3.xml><?xml version="1.0" encoding="utf-8"?>
<ds:datastoreItem xmlns:ds="http://schemas.openxmlformats.org/officeDocument/2006/customXml" ds:itemID="{4E880100-AD93-4165-9435-CF4F80F1243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700</TotalTime>
  <Words>509</Words>
  <Application>Microsoft Macintosh PowerPoint</Application>
  <PresentationFormat>Custom</PresentationFormat>
  <Paragraphs>98</Paragraphs>
  <Slides>14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7" baseType="lpstr">
      <vt:lpstr>Arial</vt:lpstr>
      <vt:lpstr>Calibri</vt:lpstr>
      <vt:lpstr>Office Theme</vt:lpstr>
      <vt:lpstr>Community Update</vt:lpstr>
      <vt:lpstr>The Mojaloop Ecosystem</vt:lpstr>
      <vt:lpstr>Agenda</vt:lpstr>
      <vt:lpstr>PowerPoint Presentation</vt:lpstr>
      <vt:lpstr>Product Council Governance</vt:lpstr>
      <vt:lpstr>Product Council Governance</vt:lpstr>
      <vt:lpstr>PowerPoint Presentation</vt:lpstr>
      <vt:lpstr>Community Survey</vt:lpstr>
      <vt:lpstr>PowerPoint Presentation</vt:lpstr>
      <vt:lpstr>Community Sync</vt:lpstr>
      <vt:lpstr>PowerPoint Presentation</vt:lpstr>
      <vt:lpstr>2023 Community Governance Elections</vt:lpstr>
      <vt:lpstr>2023 Community Governance Elections</vt:lpstr>
      <vt:lpstr>Thank you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ommunity Update</dc:title>
  <dc:creator>Simeon Oriko</dc:creator>
  <cp:lastModifiedBy>Simeon Oriko</cp:lastModifiedBy>
  <cp:revision>20</cp:revision>
  <dcterms:created xsi:type="dcterms:W3CDTF">2023-10-31T19:28:46Z</dcterms:created>
  <dcterms:modified xsi:type="dcterms:W3CDTF">2023-11-01T07:09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8AAC203550B4E40A8ED4C6A11385C01</vt:lpwstr>
  </property>
</Properties>
</file>